
<file path=[Content_Types].xml><?xml version="1.0" encoding="utf-8"?>
<Types xmlns="http://schemas.openxmlformats.org/package/2006/content-types">
  <Default Extension="bin" ContentType="image/jpeg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1"/>
    <p:sldMasterId id="2147483660" r:id="rId12"/>
  </p:sldMasterIdLst>
  <p:sldIdLst>
    <p:sldId id="256" r:id="rId13"/>
    <p:sldId id="506" r:id="rId14"/>
    <p:sldId id="500" r:id="rId15"/>
    <p:sldId id="353" r:id="rId16"/>
    <p:sldId id="508" r:id="rId17"/>
    <p:sldId id="512" r:id="rId18"/>
    <p:sldId id="513" r:id="rId19"/>
    <p:sldId id="514" r:id="rId20"/>
    <p:sldId id="515" r:id="rId21"/>
    <p:sldId id="516" r:id="rId22"/>
    <p:sldId id="517" r:id="rId23"/>
    <p:sldId id="518" r:id="rId24"/>
    <p:sldId id="519" r:id="rId25"/>
    <p:sldId id="520" r:id="rId26"/>
    <p:sldId id="507" r:id="rId27"/>
    <p:sldId id="510" r:id="rId28"/>
    <p:sldId id="511" r:id="rId29"/>
    <p:sldId id="291" r:id="rId30"/>
  </p:sldIdLst>
  <p:sldSz cx="12192000" cy="6858000"/>
  <p:notesSz cx="6858000" cy="9144000"/>
  <p:defaultTextStyle>
    <a:defPPr>
      <a:defRPr lang="pl-PL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Default Section" id="{E457A446-E6FC-4E60-98F6-FC3D1BD67C41}">
          <p14:sldIdLst>
            <p14:sldId id="256"/>
            <p14:sldId id="506"/>
            <p14:sldId id="500"/>
            <p14:sldId id="353"/>
            <p14:sldId id="508"/>
            <p14:sldId id="512"/>
            <p14:sldId id="513"/>
            <p14:sldId id="514"/>
            <p14:sldId id="515"/>
            <p14:sldId id="516"/>
            <p14:sldId id="517"/>
            <p14:sldId id="518"/>
            <p14:sldId id="519"/>
            <p14:sldId id="520"/>
            <p14:sldId id="507"/>
            <p14:sldId id="510"/>
          </p14:sldIdLst>
        </p14:section>
        <p14:section name="Annex" id="{6B36B18A-7A5E-4502-8044-EC715A1E48DB}">
          <p14:sldIdLst>
            <p14:sldId id="511"/>
            <p14:sldId id="291"/>
          </p14:sldIdLst>
        </p14:section>
      </p14:sectionLst>
    </p:ex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7989" autoAdjust="0"/>
    <p:restoredTop sz="94660"/>
  </p:normalViewPr>
  <p:slideViewPr>
    <p:cSldViewPr snapToGrid="0">
      <p:cViewPr varScale="1">
        <p:scale>
          <a:sx n="68" d="100"/>
          <a:sy n="68" d="100"/>
        </p:scale>
        <p:origin x="504" y="5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.xml"/><Relationship Id="rId18" Type="http://schemas.openxmlformats.org/officeDocument/2006/relationships/slide" Target="slides/slide6.xml"/><Relationship Id="rId26" Type="http://schemas.openxmlformats.org/officeDocument/2006/relationships/slide" Target="slides/slide14.xml"/><Relationship Id="rId3" Type="http://schemas.openxmlformats.org/officeDocument/2006/relationships/customXml" Target="../customXml/item3.xml"/><Relationship Id="rId21" Type="http://schemas.openxmlformats.org/officeDocument/2006/relationships/slide" Target="slides/slide9.xml"/><Relationship Id="rId34" Type="http://schemas.openxmlformats.org/officeDocument/2006/relationships/tableStyles" Target="tableStyles.xml"/><Relationship Id="rId7" Type="http://schemas.openxmlformats.org/officeDocument/2006/relationships/customXml" Target="../customXml/item7.xml"/><Relationship Id="rId12" Type="http://schemas.openxmlformats.org/officeDocument/2006/relationships/slideMaster" Target="slideMasters/slideMaster2.xml"/><Relationship Id="rId17" Type="http://schemas.openxmlformats.org/officeDocument/2006/relationships/slide" Target="slides/slide5.xml"/><Relationship Id="rId25" Type="http://schemas.openxmlformats.org/officeDocument/2006/relationships/slide" Target="slides/slide13.xml"/><Relationship Id="rId33" Type="http://schemas.openxmlformats.org/officeDocument/2006/relationships/theme" Target="theme/theme1.xml"/><Relationship Id="rId2" Type="http://schemas.openxmlformats.org/officeDocument/2006/relationships/customXml" Target="../customXml/item2.xml"/><Relationship Id="rId16" Type="http://schemas.openxmlformats.org/officeDocument/2006/relationships/slide" Target="slides/slide4.xml"/><Relationship Id="rId20" Type="http://schemas.openxmlformats.org/officeDocument/2006/relationships/slide" Target="slides/slide8.xml"/><Relationship Id="rId29" Type="http://schemas.openxmlformats.org/officeDocument/2006/relationships/slide" Target="slides/slide17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slideMaster" Target="slideMasters/slideMaster1.xml"/><Relationship Id="rId24" Type="http://schemas.openxmlformats.org/officeDocument/2006/relationships/slide" Target="slides/slide12.xml"/><Relationship Id="rId32" Type="http://schemas.openxmlformats.org/officeDocument/2006/relationships/viewProps" Target="viewProps.xml"/><Relationship Id="rId5" Type="http://schemas.openxmlformats.org/officeDocument/2006/relationships/customXml" Target="../customXml/item5.xml"/><Relationship Id="rId15" Type="http://schemas.openxmlformats.org/officeDocument/2006/relationships/slide" Target="slides/slide3.xml"/><Relationship Id="rId23" Type="http://schemas.openxmlformats.org/officeDocument/2006/relationships/slide" Target="slides/slide11.xml"/><Relationship Id="rId28" Type="http://schemas.openxmlformats.org/officeDocument/2006/relationships/slide" Target="slides/slide16.xml"/><Relationship Id="rId10" Type="http://schemas.openxmlformats.org/officeDocument/2006/relationships/customXml" Target="../customXml/item10.xml"/><Relationship Id="rId19" Type="http://schemas.openxmlformats.org/officeDocument/2006/relationships/slide" Target="slides/slide7.xml"/><Relationship Id="rId31" Type="http://schemas.openxmlformats.org/officeDocument/2006/relationships/presProps" Target="presProps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slide" Target="slides/slide2.xml"/><Relationship Id="rId22" Type="http://schemas.openxmlformats.org/officeDocument/2006/relationships/slide" Target="slides/slide10.xml"/><Relationship Id="rId27" Type="http://schemas.openxmlformats.org/officeDocument/2006/relationships/slide" Target="slides/slide15.xml"/><Relationship Id="rId30" Type="http://schemas.openxmlformats.org/officeDocument/2006/relationships/slide" Target="slides/slide18.xml"/><Relationship Id="rId8" Type="http://schemas.openxmlformats.org/officeDocument/2006/relationships/customXml" Target="../customXml/item8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8" Type="http://schemas.openxmlformats.org/officeDocument/2006/relationships/image" Target="../media/image7.png"/><Relationship Id="rId3" Type="http://schemas.openxmlformats.org/officeDocument/2006/relationships/image" Target="../media/image2.svg"/><Relationship Id="rId7" Type="http://schemas.openxmlformats.org/officeDocument/2006/relationships/image" Target="../media/image6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5.png"/><Relationship Id="rId11" Type="http://schemas.openxmlformats.org/officeDocument/2006/relationships/image" Target="../media/image10.svg"/><Relationship Id="rId5" Type="http://schemas.openxmlformats.org/officeDocument/2006/relationships/image" Target="../media/image4.svg"/><Relationship Id="rId10" Type="http://schemas.openxmlformats.org/officeDocument/2006/relationships/image" Target="../media/image9.png"/><Relationship Id="rId4" Type="http://schemas.openxmlformats.org/officeDocument/2006/relationships/image" Target="../media/image3.png"/><Relationship Id="rId9" Type="http://schemas.openxmlformats.org/officeDocument/2006/relationships/image" Target="../media/image8.svg"/></Relationships>
</file>

<file path=ppt/slideLayouts/_rels/slideLayout1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5.png"/><Relationship Id="rId3" Type="http://schemas.openxmlformats.org/officeDocument/2006/relationships/image" Target="../media/image12.svg"/><Relationship Id="rId7" Type="http://schemas.openxmlformats.org/officeDocument/2006/relationships/image" Target="../media/image6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Relationship Id="rId6" Type="http://schemas.openxmlformats.org/officeDocument/2006/relationships/image" Target="../media/image14.png"/><Relationship Id="rId11" Type="http://schemas.openxmlformats.org/officeDocument/2006/relationships/image" Target="../media/image10.svg"/><Relationship Id="rId5" Type="http://schemas.openxmlformats.org/officeDocument/2006/relationships/image" Target="../media/image4.svg"/><Relationship Id="rId10" Type="http://schemas.openxmlformats.org/officeDocument/2006/relationships/image" Target="../media/image16.png"/><Relationship Id="rId4" Type="http://schemas.openxmlformats.org/officeDocument/2006/relationships/image" Target="../media/image13.png"/><Relationship Id="rId9" Type="http://schemas.openxmlformats.org/officeDocument/2006/relationships/image" Target="../media/image8.svg"/></Relationships>
</file>

<file path=ppt/slideLayouts/_rels/slideLayout14.xml.rels><?xml version="1.0" encoding="UTF-8" standalone="yes"?>
<Relationships xmlns="http://schemas.openxmlformats.org/package/2006/relationships"><Relationship Id="rId8" Type="http://schemas.openxmlformats.org/officeDocument/2006/relationships/image" Target="../media/image7.png"/><Relationship Id="rId3" Type="http://schemas.openxmlformats.org/officeDocument/2006/relationships/image" Target="../media/image2.svg"/><Relationship Id="rId7" Type="http://schemas.openxmlformats.org/officeDocument/2006/relationships/image" Target="../media/image6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Relationship Id="rId6" Type="http://schemas.openxmlformats.org/officeDocument/2006/relationships/image" Target="../media/image5.png"/><Relationship Id="rId11" Type="http://schemas.openxmlformats.org/officeDocument/2006/relationships/image" Target="../media/image10.svg"/><Relationship Id="rId5" Type="http://schemas.openxmlformats.org/officeDocument/2006/relationships/image" Target="../media/image4.svg"/><Relationship Id="rId10" Type="http://schemas.openxmlformats.org/officeDocument/2006/relationships/image" Target="../media/image9.png"/><Relationship Id="rId4" Type="http://schemas.openxmlformats.org/officeDocument/2006/relationships/image" Target="../media/image3.png"/><Relationship Id="rId9" Type="http://schemas.openxmlformats.org/officeDocument/2006/relationships/image" Target="../media/image8.svg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1.png"/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1.png"/><Relationship Id="rId1" Type="http://schemas.openxmlformats.org/officeDocument/2006/relationships/slideMaster" Target="../slideMasters/slideMaster2.xml"/></Relationships>
</file>

<file path=ppt/slideLayouts/_rels/slideLayout51.xml.rels><?xml version="1.0" encoding="UTF-8" standalone="yes"?>
<Relationships xmlns="http://schemas.openxmlformats.org/package/2006/relationships"><Relationship Id="rId8" Type="http://schemas.openxmlformats.org/officeDocument/2006/relationships/image" Target="../media/image23.png"/><Relationship Id="rId3" Type="http://schemas.openxmlformats.org/officeDocument/2006/relationships/image" Target="../media/image18.png"/><Relationship Id="rId7" Type="http://schemas.openxmlformats.org/officeDocument/2006/relationships/image" Target="../media/image22.png"/><Relationship Id="rId12" Type="http://schemas.openxmlformats.org/officeDocument/2006/relationships/image" Target="../media/image27.png"/><Relationship Id="rId2" Type="http://schemas.openxmlformats.org/officeDocument/2006/relationships/image" Target="../media/image17.png"/><Relationship Id="rId1" Type="http://schemas.openxmlformats.org/officeDocument/2006/relationships/slideMaster" Target="../slideMasters/slideMaster2.xml"/><Relationship Id="rId6" Type="http://schemas.openxmlformats.org/officeDocument/2006/relationships/image" Target="../media/image21.png"/><Relationship Id="rId11" Type="http://schemas.openxmlformats.org/officeDocument/2006/relationships/image" Target="../media/image26.png"/><Relationship Id="rId5" Type="http://schemas.openxmlformats.org/officeDocument/2006/relationships/image" Target="../media/image20.png"/><Relationship Id="rId10" Type="http://schemas.openxmlformats.org/officeDocument/2006/relationships/image" Target="../media/image25.png"/><Relationship Id="rId4" Type="http://schemas.openxmlformats.org/officeDocument/2006/relationships/image" Target="../media/image19.png"/><Relationship Id="rId9" Type="http://schemas.openxmlformats.org/officeDocument/2006/relationships/image" Target="../media/image24.png"/></Relationships>
</file>

<file path=ppt/slideLayouts/_rels/slideLayout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3.xml.rels><?xml version="1.0" encoding="UTF-8" standalone="yes"?>
<Relationships xmlns="http://schemas.openxmlformats.org/package/2006/relationships"><Relationship Id="rId8" Type="http://schemas.openxmlformats.org/officeDocument/2006/relationships/image" Target="../media/image7.png"/><Relationship Id="rId3" Type="http://schemas.openxmlformats.org/officeDocument/2006/relationships/image" Target="../media/image2.svg"/><Relationship Id="rId7" Type="http://schemas.openxmlformats.org/officeDocument/2006/relationships/image" Target="../media/image6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Relationship Id="rId6" Type="http://schemas.openxmlformats.org/officeDocument/2006/relationships/image" Target="../media/image5.png"/><Relationship Id="rId11" Type="http://schemas.openxmlformats.org/officeDocument/2006/relationships/image" Target="../media/image10.svg"/><Relationship Id="rId5" Type="http://schemas.openxmlformats.org/officeDocument/2006/relationships/image" Target="../media/image4.svg"/><Relationship Id="rId10" Type="http://schemas.openxmlformats.org/officeDocument/2006/relationships/image" Target="../media/image9.png"/><Relationship Id="rId4" Type="http://schemas.openxmlformats.org/officeDocument/2006/relationships/image" Target="../media/image3.png"/><Relationship Id="rId9" Type="http://schemas.openxmlformats.org/officeDocument/2006/relationships/image" Target="../media/image8.svg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CD0C5B9-8439-42B3-86AF-78F9295AFACB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pl-PL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FC1466F4-1E2F-4D94-9D50-6A189E564E40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pl-PL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EB9AA02-89C3-48D5-AAF1-2BEA931A730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C09CA78-A29A-4CD4-9A25-957092CA3074}" type="datetimeFigureOut">
              <a:rPr lang="pl-PL" smtClean="0"/>
              <a:t>21.07.2021</a:t>
            </a:fld>
            <a:endParaRPr lang="pl-PL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D17F60B-0342-4C1B-BF80-80E0FAEB301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l-PL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C0C5DEB-A8F0-4263-A773-8658B25F1D8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C577F83-369C-4B9F-8EE9-95C30396C532}" type="slidenum">
              <a:rPr lang="pl-PL" smtClean="0"/>
              <a:t>‹#›</a:t>
            </a:fld>
            <a:endParaRPr lang="pl-PL"/>
          </a:p>
        </p:txBody>
      </p:sp>
    </p:spTree>
    <p:extLst>
      <p:ext uri="{BB962C8B-B14F-4D97-AF65-F5344CB8AC3E}">
        <p14:creationId xmlns:p14="http://schemas.microsoft.com/office/powerpoint/2010/main" val="79305957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E5A2BEF-A973-4C2B-8767-867535BB21D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pl-PL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2F5F0863-A345-4B2D-BDAB-755B269593DC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pl-PL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027534C-CAD2-45F1-B91D-FB21CA69EA4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C09CA78-A29A-4CD4-9A25-957092CA3074}" type="datetimeFigureOut">
              <a:rPr lang="pl-PL" smtClean="0"/>
              <a:t>21.07.2021</a:t>
            </a:fld>
            <a:endParaRPr lang="pl-PL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CDD6D9C-CA36-4BE5-AF53-8BDE5D814AD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l-PL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C53A074-8D8A-4C66-9A1C-3A38B9C988C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C577F83-369C-4B9F-8EE9-95C30396C532}" type="slidenum">
              <a:rPr lang="pl-PL" smtClean="0"/>
              <a:t>‹#›</a:t>
            </a:fld>
            <a:endParaRPr lang="pl-PL"/>
          </a:p>
        </p:txBody>
      </p:sp>
    </p:spTree>
    <p:extLst>
      <p:ext uri="{BB962C8B-B14F-4D97-AF65-F5344CB8AC3E}">
        <p14:creationId xmlns:p14="http://schemas.microsoft.com/office/powerpoint/2010/main" val="72062152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072DCA49-1BD1-4D63-BBBD-0092E5DF6036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pl-PL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6CCB0062-490B-487F-880C-B477E73C92F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pl-PL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2E1EB90-7162-4B1A-B537-2EDDCF60564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C09CA78-A29A-4CD4-9A25-957092CA3074}" type="datetimeFigureOut">
              <a:rPr lang="pl-PL" smtClean="0"/>
              <a:t>21.07.2021</a:t>
            </a:fld>
            <a:endParaRPr lang="pl-PL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2051DEE-6ADD-4914-B963-5ACE32D1E09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l-PL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8CF0446-54CD-4B28-B2F0-466EABB1CFA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C577F83-369C-4B9F-8EE9-95C30396C532}" type="slidenum">
              <a:rPr lang="pl-PL" smtClean="0"/>
              <a:t>‹#›</a:t>
            </a:fld>
            <a:endParaRPr lang="pl-PL"/>
          </a:p>
        </p:txBody>
      </p:sp>
    </p:spTree>
    <p:extLst>
      <p:ext uri="{BB962C8B-B14F-4D97-AF65-F5344CB8AC3E}">
        <p14:creationId xmlns:p14="http://schemas.microsoft.com/office/powerpoint/2010/main" val="3836849259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03_Cover Slide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6" name="Picture Placeholder 55">
            <a:extLst>
              <a:ext uri="{FF2B5EF4-FFF2-40B4-BE49-F238E27FC236}">
                <a16:creationId xmlns:a16="http://schemas.microsoft.com/office/drawing/2014/main" id="{F6E30BC1-8BFA-47DB-9F4D-44BD42630377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4" y="2"/>
            <a:ext cx="12191997" cy="4738687"/>
          </a:xfrm>
          <a:custGeom>
            <a:avLst/>
            <a:gdLst>
              <a:gd name="connsiteX0" fmla="*/ 11680484 w 12191997"/>
              <a:gd name="connsiteY0" fmla="*/ 528222 h 4738687"/>
              <a:gd name="connsiteX1" fmla="*/ 11680484 w 12191997"/>
              <a:gd name="connsiteY1" fmla="*/ 690067 h 4738687"/>
              <a:gd name="connsiteX2" fmla="*/ 11778340 w 12191997"/>
              <a:gd name="connsiteY2" fmla="*/ 690067 h 4738687"/>
              <a:gd name="connsiteX3" fmla="*/ 11778340 w 12191997"/>
              <a:gd name="connsiteY3" fmla="*/ 528222 h 4738687"/>
              <a:gd name="connsiteX4" fmla="*/ 11901903 w 12191997"/>
              <a:gd name="connsiteY4" fmla="*/ 528222 h 4738687"/>
              <a:gd name="connsiteX5" fmla="*/ 11788419 w 12191997"/>
              <a:gd name="connsiteY5" fmla="*/ 528562 h 4738687"/>
              <a:gd name="connsiteX6" fmla="*/ 11788419 w 12191997"/>
              <a:gd name="connsiteY6" fmla="*/ 690067 h 4738687"/>
              <a:gd name="connsiteX7" fmla="*/ 11808352 w 12191997"/>
              <a:gd name="connsiteY7" fmla="*/ 690067 h 4738687"/>
              <a:gd name="connsiteX8" fmla="*/ 11916615 w 12191997"/>
              <a:gd name="connsiteY8" fmla="*/ 591757 h 4738687"/>
              <a:gd name="connsiteX9" fmla="*/ 11916627 w 12191997"/>
              <a:gd name="connsiteY9" fmla="*/ 582133 h 4738687"/>
              <a:gd name="connsiteX10" fmla="*/ 11901903 w 12191997"/>
              <a:gd name="connsiteY10" fmla="*/ 528222 h 4738687"/>
              <a:gd name="connsiteX11" fmla="*/ 11100379 w 12191997"/>
              <a:gd name="connsiteY11" fmla="*/ 528222 h 4738687"/>
              <a:gd name="connsiteX12" fmla="*/ 11043071 w 12191997"/>
              <a:gd name="connsiteY12" fmla="*/ 690067 h 4738687"/>
              <a:gd name="connsiteX13" fmla="*/ 11127448 w 12191997"/>
              <a:gd name="connsiteY13" fmla="*/ 690067 h 4738687"/>
              <a:gd name="connsiteX14" fmla="*/ 11151005 w 12191997"/>
              <a:gd name="connsiteY14" fmla="*/ 622565 h 4738687"/>
              <a:gd name="connsiteX15" fmla="*/ 11205029 w 12191997"/>
              <a:gd name="connsiteY15" fmla="*/ 622565 h 4738687"/>
              <a:gd name="connsiteX16" fmla="*/ 11205029 w 12191997"/>
              <a:gd name="connsiteY16" fmla="*/ 528222 h 4738687"/>
              <a:gd name="connsiteX17" fmla="*/ 11215109 w 12191997"/>
              <a:gd name="connsiteY17" fmla="*/ 528222 h 4738687"/>
              <a:gd name="connsiteX18" fmla="*/ 11215109 w 12191997"/>
              <a:gd name="connsiteY18" fmla="*/ 622565 h 4738687"/>
              <a:gd name="connsiteX19" fmla="*/ 11269133 w 12191997"/>
              <a:gd name="connsiteY19" fmla="*/ 622565 h 4738687"/>
              <a:gd name="connsiteX20" fmla="*/ 11292690 w 12191997"/>
              <a:gd name="connsiteY20" fmla="*/ 690067 h 4738687"/>
              <a:gd name="connsiteX21" fmla="*/ 11376954 w 12191997"/>
              <a:gd name="connsiteY21" fmla="*/ 690067 h 4738687"/>
              <a:gd name="connsiteX22" fmla="*/ 11319759 w 12191997"/>
              <a:gd name="connsiteY22" fmla="*/ 528222 h 4738687"/>
              <a:gd name="connsiteX23" fmla="*/ 11625328 w 12191997"/>
              <a:gd name="connsiteY23" fmla="*/ 528222 h 4738687"/>
              <a:gd name="connsiteX24" fmla="*/ 11511957 w 12191997"/>
              <a:gd name="connsiteY24" fmla="*/ 528562 h 4738687"/>
              <a:gd name="connsiteX25" fmla="*/ 11511957 w 12191997"/>
              <a:gd name="connsiteY25" fmla="*/ 690067 h 4738687"/>
              <a:gd name="connsiteX26" fmla="*/ 11531777 w 12191997"/>
              <a:gd name="connsiteY26" fmla="*/ 690067 h 4738687"/>
              <a:gd name="connsiteX27" fmla="*/ 11640040 w 12191997"/>
              <a:gd name="connsiteY27" fmla="*/ 591757 h 4738687"/>
              <a:gd name="connsiteX28" fmla="*/ 11640052 w 12191997"/>
              <a:gd name="connsiteY28" fmla="*/ 582133 h 4738687"/>
              <a:gd name="connsiteX29" fmla="*/ 11625328 w 12191997"/>
              <a:gd name="connsiteY29" fmla="*/ 528222 h 4738687"/>
              <a:gd name="connsiteX30" fmla="*/ 11404023 w 12191997"/>
              <a:gd name="connsiteY30" fmla="*/ 528222 h 4738687"/>
              <a:gd name="connsiteX31" fmla="*/ 11404023 w 12191997"/>
              <a:gd name="connsiteY31" fmla="*/ 690067 h 4738687"/>
              <a:gd name="connsiteX32" fmla="*/ 11501878 w 12191997"/>
              <a:gd name="connsiteY32" fmla="*/ 690067 h 4738687"/>
              <a:gd name="connsiteX33" fmla="*/ 11501878 w 12191997"/>
              <a:gd name="connsiteY33" fmla="*/ 528222 h 4738687"/>
              <a:gd name="connsiteX34" fmla="*/ 9340585 w 12191997"/>
              <a:gd name="connsiteY34" fmla="*/ 417457 h 4738687"/>
              <a:gd name="connsiteX35" fmla="*/ 9399592 w 12191997"/>
              <a:gd name="connsiteY35" fmla="*/ 562539 h 4738687"/>
              <a:gd name="connsiteX36" fmla="*/ 9281465 w 12191997"/>
              <a:gd name="connsiteY36" fmla="*/ 562539 h 4738687"/>
              <a:gd name="connsiteX37" fmla="*/ 9340585 w 12191997"/>
              <a:gd name="connsiteY37" fmla="*/ 417683 h 4738687"/>
              <a:gd name="connsiteX38" fmla="*/ 9932921 w 12191997"/>
              <a:gd name="connsiteY38" fmla="*/ 362639 h 4738687"/>
              <a:gd name="connsiteX39" fmla="*/ 9932921 w 12191997"/>
              <a:gd name="connsiteY39" fmla="*/ 683612 h 4738687"/>
              <a:gd name="connsiteX40" fmla="*/ 10018883 w 12191997"/>
              <a:gd name="connsiteY40" fmla="*/ 683612 h 4738687"/>
              <a:gd name="connsiteX41" fmla="*/ 10018883 w 12191997"/>
              <a:gd name="connsiteY41" fmla="*/ 542606 h 4738687"/>
              <a:gd name="connsiteX42" fmla="*/ 10190808 w 12191997"/>
              <a:gd name="connsiteY42" fmla="*/ 542606 h 4738687"/>
              <a:gd name="connsiteX43" fmla="*/ 10190808 w 12191997"/>
              <a:gd name="connsiteY43" fmla="*/ 683612 h 4738687"/>
              <a:gd name="connsiteX44" fmla="*/ 10275525 w 12191997"/>
              <a:gd name="connsiteY44" fmla="*/ 683612 h 4738687"/>
              <a:gd name="connsiteX45" fmla="*/ 10275525 w 12191997"/>
              <a:gd name="connsiteY45" fmla="*/ 362639 h 4738687"/>
              <a:gd name="connsiteX46" fmla="*/ 10190808 w 12191997"/>
              <a:gd name="connsiteY46" fmla="*/ 362639 h 4738687"/>
              <a:gd name="connsiteX47" fmla="*/ 10190808 w 12191997"/>
              <a:gd name="connsiteY47" fmla="*/ 491527 h 4738687"/>
              <a:gd name="connsiteX48" fmla="*/ 10018883 w 12191997"/>
              <a:gd name="connsiteY48" fmla="*/ 491527 h 4738687"/>
              <a:gd name="connsiteX49" fmla="*/ 10018883 w 12191997"/>
              <a:gd name="connsiteY49" fmla="*/ 362639 h 4738687"/>
              <a:gd name="connsiteX50" fmla="*/ 8866376 w 12191997"/>
              <a:gd name="connsiteY50" fmla="*/ 362639 h 4738687"/>
              <a:gd name="connsiteX51" fmla="*/ 8866376 w 12191997"/>
              <a:gd name="connsiteY51" fmla="*/ 417683 h 4738687"/>
              <a:gd name="connsiteX52" fmla="*/ 8996396 w 12191997"/>
              <a:gd name="connsiteY52" fmla="*/ 417683 h 4738687"/>
              <a:gd name="connsiteX53" fmla="*/ 8996396 w 12191997"/>
              <a:gd name="connsiteY53" fmla="*/ 683612 h 4738687"/>
              <a:gd name="connsiteX54" fmla="*/ 9081225 w 12191997"/>
              <a:gd name="connsiteY54" fmla="*/ 683612 h 4738687"/>
              <a:gd name="connsiteX55" fmla="*/ 9081225 w 12191997"/>
              <a:gd name="connsiteY55" fmla="*/ 417683 h 4738687"/>
              <a:gd name="connsiteX56" fmla="*/ 9211585 w 12191997"/>
              <a:gd name="connsiteY56" fmla="*/ 417683 h 4738687"/>
              <a:gd name="connsiteX57" fmla="*/ 9211585 w 12191997"/>
              <a:gd name="connsiteY57" fmla="*/ 362639 h 4738687"/>
              <a:gd name="connsiteX58" fmla="*/ 9288147 w 12191997"/>
              <a:gd name="connsiteY58" fmla="*/ 362639 h 4738687"/>
              <a:gd name="connsiteX59" fmla="*/ 9137741 w 12191997"/>
              <a:gd name="connsiteY59" fmla="*/ 683612 h 4738687"/>
              <a:gd name="connsiteX60" fmla="*/ 9233104 w 12191997"/>
              <a:gd name="connsiteY60" fmla="*/ 683612 h 4738687"/>
              <a:gd name="connsiteX61" fmla="*/ 9259946 w 12191997"/>
              <a:gd name="connsiteY61" fmla="*/ 615657 h 4738687"/>
              <a:gd name="connsiteX62" fmla="*/ 9419752 w 12191997"/>
              <a:gd name="connsiteY62" fmla="*/ 615657 h 4738687"/>
              <a:gd name="connsiteX63" fmla="*/ 9447953 w 12191997"/>
              <a:gd name="connsiteY63" fmla="*/ 683612 h 4738687"/>
              <a:gd name="connsiteX64" fmla="*/ 9542070 w 12191997"/>
              <a:gd name="connsiteY64" fmla="*/ 683612 h 4738687"/>
              <a:gd name="connsiteX65" fmla="*/ 9391551 w 12191997"/>
              <a:gd name="connsiteY65" fmla="*/ 362639 h 4738687"/>
              <a:gd name="connsiteX66" fmla="*/ 10342687 w 12191997"/>
              <a:gd name="connsiteY66" fmla="*/ 362526 h 4738687"/>
              <a:gd name="connsiteX67" fmla="*/ 10342687 w 12191997"/>
              <a:gd name="connsiteY67" fmla="*/ 683612 h 4738687"/>
              <a:gd name="connsiteX68" fmla="*/ 10427290 w 12191997"/>
              <a:gd name="connsiteY68" fmla="*/ 683612 h 4738687"/>
              <a:gd name="connsiteX69" fmla="*/ 10427290 w 12191997"/>
              <a:gd name="connsiteY69" fmla="*/ 362526 h 4738687"/>
              <a:gd name="connsiteX70" fmla="*/ 8342446 w 12191997"/>
              <a:gd name="connsiteY70" fmla="*/ 362526 h 4738687"/>
              <a:gd name="connsiteX71" fmla="*/ 8342446 w 12191997"/>
              <a:gd name="connsiteY71" fmla="*/ 683612 h 4738687"/>
              <a:gd name="connsiteX72" fmla="*/ 8427049 w 12191997"/>
              <a:gd name="connsiteY72" fmla="*/ 683612 h 4738687"/>
              <a:gd name="connsiteX73" fmla="*/ 8427049 w 12191997"/>
              <a:gd name="connsiteY73" fmla="*/ 542606 h 4738687"/>
              <a:gd name="connsiteX74" fmla="*/ 8598974 w 12191997"/>
              <a:gd name="connsiteY74" fmla="*/ 542606 h 4738687"/>
              <a:gd name="connsiteX75" fmla="*/ 8598974 w 12191997"/>
              <a:gd name="connsiteY75" fmla="*/ 683612 h 4738687"/>
              <a:gd name="connsiteX76" fmla="*/ 8683691 w 12191997"/>
              <a:gd name="connsiteY76" fmla="*/ 683612 h 4738687"/>
              <a:gd name="connsiteX77" fmla="*/ 8683691 w 12191997"/>
              <a:gd name="connsiteY77" fmla="*/ 362526 h 4738687"/>
              <a:gd name="connsiteX78" fmla="*/ 8598974 w 12191997"/>
              <a:gd name="connsiteY78" fmla="*/ 362526 h 4738687"/>
              <a:gd name="connsiteX79" fmla="*/ 8598974 w 12191997"/>
              <a:gd name="connsiteY79" fmla="*/ 491527 h 4738687"/>
              <a:gd name="connsiteX80" fmla="*/ 8427049 w 12191997"/>
              <a:gd name="connsiteY80" fmla="*/ 491527 h 4738687"/>
              <a:gd name="connsiteX81" fmla="*/ 8427049 w 12191997"/>
              <a:gd name="connsiteY81" fmla="*/ 362526 h 4738687"/>
              <a:gd name="connsiteX82" fmla="*/ 8750853 w 12191997"/>
              <a:gd name="connsiteY82" fmla="*/ 362526 h 4738687"/>
              <a:gd name="connsiteX83" fmla="*/ 8750853 w 12191997"/>
              <a:gd name="connsiteY83" fmla="*/ 683612 h 4738687"/>
              <a:gd name="connsiteX84" fmla="*/ 8836815 w 12191997"/>
              <a:gd name="connsiteY84" fmla="*/ 683612 h 4738687"/>
              <a:gd name="connsiteX85" fmla="*/ 8836815 w 12191997"/>
              <a:gd name="connsiteY85" fmla="*/ 362526 h 4738687"/>
              <a:gd name="connsiteX86" fmla="*/ 11788419 w 12191997"/>
              <a:gd name="connsiteY86" fmla="*/ 356184 h 4738687"/>
              <a:gd name="connsiteX87" fmla="*/ 11788419 w 12191997"/>
              <a:gd name="connsiteY87" fmla="*/ 518029 h 4738687"/>
              <a:gd name="connsiteX88" fmla="*/ 11895109 w 12191997"/>
              <a:gd name="connsiteY88" fmla="*/ 518029 h 4738687"/>
              <a:gd name="connsiteX89" fmla="*/ 11855695 w 12191997"/>
              <a:gd name="connsiteY89" fmla="*/ 485184 h 4738687"/>
              <a:gd name="connsiteX90" fmla="*/ 11886275 w 12191997"/>
              <a:gd name="connsiteY90" fmla="*/ 426970 h 4738687"/>
              <a:gd name="connsiteX91" fmla="*/ 11808352 w 12191997"/>
              <a:gd name="connsiteY91" fmla="*/ 356184 h 4738687"/>
              <a:gd name="connsiteX92" fmla="*/ 11680484 w 12191997"/>
              <a:gd name="connsiteY92" fmla="*/ 356184 h 4738687"/>
              <a:gd name="connsiteX93" fmla="*/ 11680484 w 12191997"/>
              <a:gd name="connsiteY93" fmla="*/ 518029 h 4738687"/>
              <a:gd name="connsiteX94" fmla="*/ 11778340 w 12191997"/>
              <a:gd name="connsiteY94" fmla="*/ 518029 h 4738687"/>
              <a:gd name="connsiteX95" fmla="*/ 11778340 w 12191997"/>
              <a:gd name="connsiteY95" fmla="*/ 356184 h 4738687"/>
              <a:gd name="connsiteX96" fmla="*/ 11215109 w 12191997"/>
              <a:gd name="connsiteY96" fmla="*/ 356184 h 4738687"/>
              <a:gd name="connsiteX97" fmla="*/ 11215109 w 12191997"/>
              <a:gd name="connsiteY97" fmla="*/ 518029 h 4738687"/>
              <a:gd name="connsiteX98" fmla="*/ 11316136 w 12191997"/>
              <a:gd name="connsiteY98" fmla="*/ 518029 h 4738687"/>
              <a:gd name="connsiteX99" fmla="*/ 11258940 w 12191997"/>
              <a:gd name="connsiteY99" fmla="*/ 356184 h 4738687"/>
              <a:gd name="connsiteX100" fmla="*/ 11161200 w 12191997"/>
              <a:gd name="connsiteY100" fmla="*/ 356184 h 4738687"/>
              <a:gd name="connsiteX101" fmla="*/ 11103890 w 12191997"/>
              <a:gd name="connsiteY101" fmla="*/ 518029 h 4738687"/>
              <a:gd name="connsiteX102" fmla="*/ 11205030 w 12191997"/>
              <a:gd name="connsiteY102" fmla="*/ 518029 h 4738687"/>
              <a:gd name="connsiteX103" fmla="*/ 11205030 w 12191997"/>
              <a:gd name="connsiteY103" fmla="*/ 356184 h 4738687"/>
              <a:gd name="connsiteX104" fmla="*/ 11404023 w 12191997"/>
              <a:gd name="connsiteY104" fmla="*/ 356184 h 4738687"/>
              <a:gd name="connsiteX105" fmla="*/ 11404023 w 12191997"/>
              <a:gd name="connsiteY105" fmla="*/ 518029 h 4738687"/>
              <a:gd name="connsiteX106" fmla="*/ 11501878 w 12191997"/>
              <a:gd name="connsiteY106" fmla="*/ 518029 h 4738687"/>
              <a:gd name="connsiteX107" fmla="*/ 11501878 w 12191997"/>
              <a:gd name="connsiteY107" fmla="*/ 356184 h 4738687"/>
              <a:gd name="connsiteX108" fmla="*/ 11511957 w 12191997"/>
              <a:gd name="connsiteY108" fmla="*/ 355844 h 4738687"/>
              <a:gd name="connsiteX109" fmla="*/ 11511957 w 12191997"/>
              <a:gd name="connsiteY109" fmla="*/ 518029 h 4738687"/>
              <a:gd name="connsiteX110" fmla="*/ 11618533 w 12191997"/>
              <a:gd name="connsiteY110" fmla="*/ 518029 h 4738687"/>
              <a:gd name="connsiteX111" fmla="*/ 11579233 w 12191997"/>
              <a:gd name="connsiteY111" fmla="*/ 485184 h 4738687"/>
              <a:gd name="connsiteX112" fmla="*/ 11609699 w 12191997"/>
              <a:gd name="connsiteY112" fmla="*/ 426630 h 4738687"/>
              <a:gd name="connsiteX113" fmla="*/ 11531777 w 12191997"/>
              <a:gd name="connsiteY113" fmla="*/ 355844 h 4738687"/>
              <a:gd name="connsiteX114" fmla="*/ 9723643 w 12191997"/>
              <a:gd name="connsiteY114" fmla="*/ 355142 h 4738687"/>
              <a:gd name="connsiteX115" fmla="*/ 9622369 w 12191997"/>
              <a:gd name="connsiteY115" fmla="*/ 372606 h 4738687"/>
              <a:gd name="connsiteX116" fmla="*/ 9549884 w 12191997"/>
              <a:gd name="connsiteY116" fmla="*/ 432972 h 4738687"/>
              <a:gd name="connsiteX117" fmla="*/ 9527233 w 12191997"/>
              <a:gd name="connsiteY117" fmla="*/ 526976 h 4738687"/>
              <a:gd name="connsiteX118" fmla="*/ 9539352 w 12191997"/>
              <a:gd name="connsiteY118" fmla="*/ 594930 h 4738687"/>
              <a:gd name="connsiteX119" fmla="*/ 9538559 w 12191997"/>
              <a:gd name="connsiteY119" fmla="*/ 593911 h 4738687"/>
              <a:gd name="connsiteX120" fmla="*/ 9629844 w 12191997"/>
              <a:gd name="connsiteY120" fmla="*/ 677268 h 4738687"/>
              <a:gd name="connsiteX121" fmla="*/ 9715920 w 12191997"/>
              <a:gd name="connsiteY121" fmla="*/ 690633 h 4738687"/>
              <a:gd name="connsiteX122" fmla="*/ 9826006 w 12191997"/>
              <a:gd name="connsiteY122" fmla="*/ 667981 h 4738687"/>
              <a:gd name="connsiteX123" fmla="*/ 9885127 w 12191997"/>
              <a:gd name="connsiteY123" fmla="*/ 598101 h 4738687"/>
              <a:gd name="connsiteX124" fmla="*/ 9889204 w 12191997"/>
              <a:gd name="connsiteY124" fmla="*/ 567182 h 4738687"/>
              <a:gd name="connsiteX125" fmla="*/ 9798598 w 12191997"/>
              <a:gd name="connsiteY125" fmla="*/ 567182 h 4738687"/>
              <a:gd name="connsiteX126" fmla="*/ 9791916 w 12191997"/>
              <a:gd name="connsiteY126" fmla="*/ 601159 h 4738687"/>
              <a:gd name="connsiteX127" fmla="*/ 9754201 w 12191997"/>
              <a:gd name="connsiteY127" fmla="*/ 635136 h 4738687"/>
              <a:gd name="connsiteX128" fmla="*/ 9715354 w 12191997"/>
              <a:gd name="connsiteY128" fmla="*/ 641932 h 4738687"/>
              <a:gd name="connsiteX129" fmla="*/ 9670051 w 12191997"/>
              <a:gd name="connsiteY129" fmla="*/ 633777 h 4738687"/>
              <a:gd name="connsiteX130" fmla="*/ 9624748 w 12191997"/>
              <a:gd name="connsiteY130" fmla="*/ 582811 h 4738687"/>
              <a:gd name="connsiteX131" fmla="*/ 9616706 w 12191997"/>
              <a:gd name="connsiteY131" fmla="*/ 526183 h 4738687"/>
              <a:gd name="connsiteX132" fmla="*/ 9628032 w 12191997"/>
              <a:gd name="connsiteY132" fmla="*/ 459021 h 4738687"/>
              <a:gd name="connsiteX133" fmla="*/ 9675034 w 12191997"/>
              <a:gd name="connsiteY133" fmla="*/ 412019 h 4738687"/>
              <a:gd name="connsiteX134" fmla="*/ 9716713 w 12191997"/>
              <a:gd name="connsiteY134" fmla="*/ 403978 h 4738687"/>
              <a:gd name="connsiteX135" fmla="*/ 9754088 w 12191997"/>
              <a:gd name="connsiteY135" fmla="*/ 410207 h 4738687"/>
              <a:gd name="connsiteX136" fmla="*/ 9794294 w 12191997"/>
              <a:gd name="connsiteY136" fmla="*/ 447809 h 4738687"/>
              <a:gd name="connsiteX137" fmla="*/ 9798371 w 12191997"/>
              <a:gd name="connsiteY137" fmla="*/ 471932 h 4738687"/>
              <a:gd name="connsiteX138" fmla="*/ 9888411 w 12191997"/>
              <a:gd name="connsiteY138" fmla="*/ 471932 h 4738687"/>
              <a:gd name="connsiteX139" fmla="*/ 9884334 w 12191997"/>
              <a:gd name="connsiteY139" fmla="*/ 451773 h 4738687"/>
              <a:gd name="connsiteX140" fmla="*/ 9823854 w 12191997"/>
              <a:gd name="connsiteY140" fmla="*/ 377929 h 4738687"/>
              <a:gd name="connsiteX141" fmla="*/ 9723643 w 12191997"/>
              <a:gd name="connsiteY141" fmla="*/ 355142 h 4738687"/>
              <a:gd name="connsiteX142" fmla="*/ 0 w 12191997"/>
              <a:gd name="connsiteY142" fmla="*/ 0 h 4738687"/>
              <a:gd name="connsiteX143" fmla="*/ 12191997 w 12191997"/>
              <a:gd name="connsiteY143" fmla="*/ 0 h 4738687"/>
              <a:gd name="connsiteX144" fmla="*/ 12191997 w 12191997"/>
              <a:gd name="connsiteY144" fmla="*/ 4738687 h 4738687"/>
              <a:gd name="connsiteX145" fmla="*/ 0 w 12191997"/>
              <a:gd name="connsiteY145" fmla="*/ 4738687 h 473868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</a:cxnLst>
            <a:rect l="l" t="t" r="r" b="b"/>
            <a:pathLst>
              <a:path w="12191997" h="4738687">
                <a:moveTo>
                  <a:pt x="11680484" y="528222"/>
                </a:moveTo>
                <a:lnTo>
                  <a:pt x="11680484" y="690067"/>
                </a:lnTo>
                <a:lnTo>
                  <a:pt x="11778340" y="690067"/>
                </a:lnTo>
                <a:lnTo>
                  <a:pt x="11778340" y="528222"/>
                </a:lnTo>
                <a:close/>
                <a:moveTo>
                  <a:pt x="11901903" y="528222"/>
                </a:moveTo>
                <a:lnTo>
                  <a:pt x="11788419" y="528562"/>
                </a:lnTo>
                <a:lnTo>
                  <a:pt x="11788419" y="690067"/>
                </a:lnTo>
                <a:lnTo>
                  <a:pt x="11808352" y="690067"/>
                </a:lnTo>
                <a:cubicBezTo>
                  <a:pt x="11865400" y="692814"/>
                  <a:pt x="11913863" y="648799"/>
                  <a:pt x="11916615" y="591757"/>
                </a:cubicBezTo>
                <a:cubicBezTo>
                  <a:pt x="11916762" y="588551"/>
                  <a:pt x="11916774" y="585339"/>
                  <a:pt x="11916627" y="582133"/>
                </a:cubicBezTo>
                <a:cubicBezTo>
                  <a:pt x="11916559" y="563178"/>
                  <a:pt x="11911485" y="544577"/>
                  <a:pt x="11901903" y="528222"/>
                </a:cubicBezTo>
                <a:close/>
                <a:moveTo>
                  <a:pt x="11100379" y="528222"/>
                </a:moveTo>
                <a:lnTo>
                  <a:pt x="11043071" y="690067"/>
                </a:lnTo>
                <a:lnTo>
                  <a:pt x="11127448" y="690067"/>
                </a:lnTo>
                <a:lnTo>
                  <a:pt x="11151005" y="622565"/>
                </a:lnTo>
                <a:lnTo>
                  <a:pt x="11205029" y="622565"/>
                </a:lnTo>
                <a:lnTo>
                  <a:pt x="11205029" y="528222"/>
                </a:lnTo>
                <a:close/>
                <a:moveTo>
                  <a:pt x="11215109" y="528222"/>
                </a:moveTo>
                <a:lnTo>
                  <a:pt x="11215109" y="622565"/>
                </a:lnTo>
                <a:lnTo>
                  <a:pt x="11269133" y="622565"/>
                </a:lnTo>
                <a:lnTo>
                  <a:pt x="11292690" y="690067"/>
                </a:lnTo>
                <a:lnTo>
                  <a:pt x="11376954" y="690067"/>
                </a:lnTo>
                <a:lnTo>
                  <a:pt x="11319759" y="528222"/>
                </a:lnTo>
                <a:close/>
                <a:moveTo>
                  <a:pt x="11625328" y="528222"/>
                </a:moveTo>
                <a:lnTo>
                  <a:pt x="11511957" y="528562"/>
                </a:lnTo>
                <a:lnTo>
                  <a:pt x="11511957" y="690067"/>
                </a:lnTo>
                <a:lnTo>
                  <a:pt x="11531777" y="690067"/>
                </a:lnTo>
                <a:cubicBezTo>
                  <a:pt x="11588825" y="692814"/>
                  <a:pt x="11637288" y="648799"/>
                  <a:pt x="11640040" y="591757"/>
                </a:cubicBezTo>
                <a:cubicBezTo>
                  <a:pt x="11640187" y="588551"/>
                  <a:pt x="11640199" y="585339"/>
                  <a:pt x="11640052" y="582133"/>
                </a:cubicBezTo>
                <a:cubicBezTo>
                  <a:pt x="11640040" y="563170"/>
                  <a:pt x="11634955" y="544556"/>
                  <a:pt x="11625328" y="528222"/>
                </a:cubicBezTo>
                <a:close/>
                <a:moveTo>
                  <a:pt x="11404023" y="528222"/>
                </a:moveTo>
                <a:lnTo>
                  <a:pt x="11404023" y="690067"/>
                </a:lnTo>
                <a:lnTo>
                  <a:pt x="11501878" y="690067"/>
                </a:lnTo>
                <a:lnTo>
                  <a:pt x="11501878" y="528222"/>
                </a:lnTo>
                <a:close/>
                <a:moveTo>
                  <a:pt x="9340585" y="417457"/>
                </a:moveTo>
                <a:lnTo>
                  <a:pt x="9399592" y="562539"/>
                </a:lnTo>
                <a:lnTo>
                  <a:pt x="9281465" y="562539"/>
                </a:lnTo>
                <a:lnTo>
                  <a:pt x="9340585" y="417683"/>
                </a:lnTo>
                <a:close/>
                <a:moveTo>
                  <a:pt x="9932921" y="362639"/>
                </a:moveTo>
                <a:cubicBezTo>
                  <a:pt x="9934280" y="362639"/>
                  <a:pt x="9932921" y="683612"/>
                  <a:pt x="9932921" y="683612"/>
                </a:cubicBezTo>
                <a:lnTo>
                  <a:pt x="10018883" y="683612"/>
                </a:lnTo>
                <a:lnTo>
                  <a:pt x="10018883" y="542606"/>
                </a:lnTo>
                <a:lnTo>
                  <a:pt x="10190808" y="542606"/>
                </a:lnTo>
                <a:lnTo>
                  <a:pt x="10190808" y="683612"/>
                </a:lnTo>
                <a:lnTo>
                  <a:pt x="10275525" y="683612"/>
                </a:lnTo>
                <a:lnTo>
                  <a:pt x="10275525" y="362639"/>
                </a:lnTo>
                <a:lnTo>
                  <a:pt x="10190808" y="362639"/>
                </a:lnTo>
                <a:cubicBezTo>
                  <a:pt x="10189449" y="362639"/>
                  <a:pt x="10190808" y="491527"/>
                  <a:pt x="10190808" y="491527"/>
                </a:cubicBezTo>
                <a:lnTo>
                  <a:pt x="10018883" y="491527"/>
                </a:lnTo>
                <a:lnTo>
                  <a:pt x="10018883" y="362639"/>
                </a:lnTo>
                <a:close/>
                <a:moveTo>
                  <a:pt x="8866376" y="362639"/>
                </a:moveTo>
                <a:lnTo>
                  <a:pt x="8866376" y="417683"/>
                </a:lnTo>
                <a:lnTo>
                  <a:pt x="8996396" y="417683"/>
                </a:lnTo>
                <a:lnTo>
                  <a:pt x="8996396" y="683612"/>
                </a:lnTo>
                <a:lnTo>
                  <a:pt x="9081225" y="683612"/>
                </a:lnTo>
                <a:lnTo>
                  <a:pt x="9081225" y="417683"/>
                </a:lnTo>
                <a:lnTo>
                  <a:pt x="9211585" y="417683"/>
                </a:lnTo>
                <a:lnTo>
                  <a:pt x="9211585" y="362639"/>
                </a:lnTo>
                <a:close/>
                <a:moveTo>
                  <a:pt x="9288147" y="362639"/>
                </a:moveTo>
                <a:lnTo>
                  <a:pt x="9137741" y="683612"/>
                </a:lnTo>
                <a:lnTo>
                  <a:pt x="9233104" y="683612"/>
                </a:lnTo>
                <a:lnTo>
                  <a:pt x="9259946" y="615657"/>
                </a:lnTo>
                <a:lnTo>
                  <a:pt x="9419752" y="615657"/>
                </a:lnTo>
                <a:lnTo>
                  <a:pt x="9447953" y="683612"/>
                </a:lnTo>
                <a:lnTo>
                  <a:pt x="9542070" y="683612"/>
                </a:lnTo>
                <a:lnTo>
                  <a:pt x="9391551" y="362639"/>
                </a:lnTo>
                <a:close/>
                <a:moveTo>
                  <a:pt x="10342687" y="362526"/>
                </a:moveTo>
                <a:lnTo>
                  <a:pt x="10342687" y="683612"/>
                </a:lnTo>
                <a:lnTo>
                  <a:pt x="10427290" y="683612"/>
                </a:lnTo>
                <a:lnTo>
                  <a:pt x="10427290" y="362526"/>
                </a:lnTo>
                <a:close/>
                <a:moveTo>
                  <a:pt x="8342446" y="362526"/>
                </a:moveTo>
                <a:lnTo>
                  <a:pt x="8342446" y="683612"/>
                </a:lnTo>
                <a:lnTo>
                  <a:pt x="8427049" y="683612"/>
                </a:lnTo>
                <a:lnTo>
                  <a:pt x="8427049" y="542606"/>
                </a:lnTo>
                <a:lnTo>
                  <a:pt x="8598974" y="542606"/>
                </a:lnTo>
                <a:lnTo>
                  <a:pt x="8598974" y="683612"/>
                </a:lnTo>
                <a:lnTo>
                  <a:pt x="8683691" y="683612"/>
                </a:lnTo>
                <a:lnTo>
                  <a:pt x="8683691" y="362526"/>
                </a:lnTo>
                <a:lnTo>
                  <a:pt x="8598974" y="362526"/>
                </a:lnTo>
                <a:lnTo>
                  <a:pt x="8598974" y="491527"/>
                </a:lnTo>
                <a:lnTo>
                  <a:pt x="8427049" y="491527"/>
                </a:lnTo>
                <a:lnTo>
                  <a:pt x="8427049" y="362526"/>
                </a:lnTo>
                <a:close/>
                <a:moveTo>
                  <a:pt x="8750853" y="362526"/>
                </a:moveTo>
                <a:lnTo>
                  <a:pt x="8750853" y="683612"/>
                </a:lnTo>
                <a:lnTo>
                  <a:pt x="8836815" y="683612"/>
                </a:lnTo>
                <a:lnTo>
                  <a:pt x="8836815" y="362526"/>
                </a:lnTo>
                <a:close/>
                <a:moveTo>
                  <a:pt x="11788419" y="356184"/>
                </a:moveTo>
                <a:lnTo>
                  <a:pt x="11788419" y="518029"/>
                </a:lnTo>
                <a:lnTo>
                  <a:pt x="11895109" y="518029"/>
                </a:lnTo>
                <a:cubicBezTo>
                  <a:pt x="11884814" y="504065"/>
                  <a:pt x="11871291" y="492797"/>
                  <a:pt x="11855695" y="485184"/>
                </a:cubicBezTo>
                <a:cubicBezTo>
                  <a:pt x="11874824" y="471978"/>
                  <a:pt x="11886263" y="450219"/>
                  <a:pt x="11886275" y="426970"/>
                </a:cubicBezTo>
                <a:cubicBezTo>
                  <a:pt x="11886275" y="386650"/>
                  <a:pt x="11858753" y="356184"/>
                  <a:pt x="11808352" y="356184"/>
                </a:cubicBezTo>
                <a:close/>
                <a:moveTo>
                  <a:pt x="11680484" y="356184"/>
                </a:moveTo>
                <a:lnTo>
                  <a:pt x="11680484" y="518029"/>
                </a:lnTo>
                <a:lnTo>
                  <a:pt x="11778340" y="518029"/>
                </a:lnTo>
                <a:lnTo>
                  <a:pt x="11778340" y="356184"/>
                </a:lnTo>
                <a:close/>
                <a:moveTo>
                  <a:pt x="11215109" y="356184"/>
                </a:moveTo>
                <a:lnTo>
                  <a:pt x="11215109" y="518029"/>
                </a:lnTo>
                <a:lnTo>
                  <a:pt x="11316136" y="518029"/>
                </a:lnTo>
                <a:lnTo>
                  <a:pt x="11258940" y="356184"/>
                </a:lnTo>
                <a:close/>
                <a:moveTo>
                  <a:pt x="11161200" y="356184"/>
                </a:moveTo>
                <a:lnTo>
                  <a:pt x="11103890" y="518029"/>
                </a:lnTo>
                <a:lnTo>
                  <a:pt x="11205030" y="518029"/>
                </a:lnTo>
                <a:lnTo>
                  <a:pt x="11205030" y="356184"/>
                </a:lnTo>
                <a:close/>
                <a:moveTo>
                  <a:pt x="11404023" y="356184"/>
                </a:moveTo>
                <a:lnTo>
                  <a:pt x="11404023" y="518029"/>
                </a:lnTo>
                <a:lnTo>
                  <a:pt x="11501878" y="518029"/>
                </a:lnTo>
                <a:lnTo>
                  <a:pt x="11501878" y="356184"/>
                </a:lnTo>
                <a:close/>
                <a:moveTo>
                  <a:pt x="11511957" y="355844"/>
                </a:moveTo>
                <a:lnTo>
                  <a:pt x="11511957" y="518029"/>
                </a:lnTo>
                <a:lnTo>
                  <a:pt x="11618533" y="518029"/>
                </a:lnTo>
                <a:cubicBezTo>
                  <a:pt x="11608250" y="504095"/>
                  <a:pt x="11594772" y="492831"/>
                  <a:pt x="11579233" y="485184"/>
                </a:cubicBezTo>
                <a:cubicBezTo>
                  <a:pt x="11598408" y="471872"/>
                  <a:pt x="11609801" y="449973"/>
                  <a:pt x="11609699" y="426630"/>
                </a:cubicBezTo>
                <a:cubicBezTo>
                  <a:pt x="11609699" y="386310"/>
                  <a:pt x="11582291" y="355844"/>
                  <a:pt x="11531777" y="355844"/>
                </a:cubicBezTo>
                <a:close/>
                <a:moveTo>
                  <a:pt x="9723643" y="355142"/>
                </a:moveTo>
                <a:cubicBezTo>
                  <a:pt x="9689392" y="354238"/>
                  <a:pt x="9654964" y="360041"/>
                  <a:pt x="9622369" y="372606"/>
                </a:cubicBezTo>
                <a:cubicBezTo>
                  <a:pt x="9592186" y="384144"/>
                  <a:pt x="9566692" y="405378"/>
                  <a:pt x="9549884" y="432972"/>
                </a:cubicBezTo>
                <a:cubicBezTo>
                  <a:pt x="9534210" y="461774"/>
                  <a:pt x="9526395" y="494195"/>
                  <a:pt x="9527233" y="526976"/>
                </a:cubicBezTo>
                <a:cubicBezTo>
                  <a:pt x="9527165" y="550171"/>
                  <a:pt x="9531276" y="573188"/>
                  <a:pt x="9539352" y="594930"/>
                </a:cubicBezTo>
                <a:lnTo>
                  <a:pt x="9538559" y="593911"/>
                </a:lnTo>
                <a:cubicBezTo>
                  <a:pt x="9552036" y="634230"/>
                  <a:pt x="9588279" y="663791"/>
                  <a:pt x="9629844" y="677268"/>
                </a:cubicBezTo>
                <a:cubicBezTo>
                  <a:pt x="9657751" y="685825"/>
                  <a:pt x="9686734" y="690326"/>
                  <a:pt x="9715920" y="690633"/>
                </a:cubicBezTo>
                <a:cubicBezTo>
                  <a:pt x="9753782" y="690751"/>
                  <a:pt x="9791270" y="683040"/>
                  <a:pt x="9826006" y="667981"/>
                </a:cubicBezTo>
                <a:cubicBezTo>
                  <a:pt x="9855544" y="655197"/>
                  <a:pt x="9877414" y="629348"/>
                  <a:pt x="9885127" y="598101"/>
                </a:cubicBezTo>
                <a:cubicBezTo>
                  <a:pt x="9887811" y="588015"/>
                  <a:pt x="9889181" y="577621"/>
                  <a:pt x="9889204" y="567182"/>
                </a:cubicBezTo>
                <a:lnTo>
                  <a:pt x="9798598" y="567182"/>
                </a:lnTo>
                <a:cubicBezTo>
                  <a:pt x="9799289" y="578891"/>
                  <a:pt x="9796990" y="590583"/>
                  <a:pt x="9791916" y="601159"/>
                </a:cubicBezTo>
                <a:cubicBezTo>
                  <a:pt x="9785143" y="617619"/>
                  <a:pt x="9771280" y="630117"/>
                  <a:pt x="9754201" y="635136"/>
                </a:cubicBezTo>
                <a:cubicBezTo>
                  <a:pt x="9741697" y="639480"/>
                  <a:pt x="9728582" y="641774"/>
                  <a:pt x="9715354" y="641932"/>
                </a:cubicBezTo>
                <a:cubicBezTo>
                  <a:pt x="9699951" y="641282"/>
                  <a:pt x="9684717" y="638539"/>
                  <a:pt x="9670051" y="633777"/>
                </a:cubicBezTo>
                <a:cubicBezTo>
                  <a:pt x="9648260" y="624183"/>
                  <a:pt x="9631724" y="605578"/>
                  <a:pt x="9624748" y="582811"/>
                </a:cubicBezTo>
                <a:cubicBezTo>
                  <a:pt x="9619459" y="564399"/>
                  <a:pt x="9616752" y="545340"/>
                  <a:pt x="9616706" y="526183"/>
                </a:cubicBezTo>
                <a:cubicBezTo>
                  <a:pt x="9616831" y="503331"/>
                  <a:pt x="9620648" y="480649"/>
                  <a:pt x="9628032" y="459021"/>
                </a:cubicBezTo>
                <a:cubicBezTo>
                  <a:pt x="9635473" y="436857"/>
                  <a:pt x="9652869" y="419460"/>
                  <a:pt x="9675034" y="412019"/>
                </a:cubicBezTo>
                <a:cubicBezTo>
                  <a:pt x="9688274" y="406660"/>
                  <a:pt x="9702431" y="403929"/>
                  <a:pt x="9716713" y="403978"/>
                </a:cubicBezTo>
                <a:cubicBezTo>
                  <a:pt x="9729364" y="404639"/>
                  <a:pt x="9741901" y="406729"/>
                  <a:pt x="9754088" y="410207"/>
                </a:cubicBezTo>
                <a:cubicBezTo>
                  <a:pt x="9772356" y="416237"/>
                  <a:pt x="9787057" y="429984"/>
                  <a:pt x="9794294" y="447809"/>
                </a:cubicBezTo>
                <a:cubicBezTo>
                  <a:pt x="9796967" y="455572"/>
                  <a:pt x="9798337" y="463722"/>
                  <a:pt x="9798371" y="471932"/>
                </a:cubicBezTo>
                <a:lnTo>
                  <a:pt x="9888411" y="471932"/>
                </a:lnTo>
                <a:lnTo>
                  <a:pt x="9884334" y="451773"/>
                </a:lnTo>
                <a:cubicBezTo>
                  <a:pt x="9877652" y="418657"/>
                  <a:pt x="9855000" y="391001"/>
                  <a:pt x="9823854" y="377929"/>
                </a:cubicBezTo>
                <a:cubicBezTo>
                  <a:pt x="9791967" y="363661"/>
                  <a:pt x="9757893" y="356047"/>
                  <a:pt x="9723643" y="355142"/>
                </a:cubicBezTo>
                <a:close/>
                <a:moveTo>
                  <a:pt x="0" y="0"/>
                </a:moveTo>
                <a:lnTo>
                  <a:pt x="12191997" y="0"/>
                </a:lnTo>
                <a:lnTo>
                  <a:pt x="12191997" y="4738687"/>
                </a:lnTo>
                <a:lnTo>
                  <a:pt x="0" y="4738687"/>
                </a:lnTo>
                <a:close/>
              </a:path>
            </a:pathLst>
          </a:custGeom>
          <a:noFill/>
        </p:spPr>
        <p:txBody>
          <a:bodyPr wrap="square" tIns="900000" anchor="ctr">
            <a:noAutofit/>
          </a:bodyPr>
          <a:lstStyle>
            <a:lvl1pPr algn="ctr">
              <a:defRPr sz="2000">
                <a:solidFill>
                  <a:schemeClr val="accent4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grpSp>
        <p:nvGrpSpPr>
          <p:cNvPr id="16" name="グループ化 39">
            <a:extLst>
              <a:ext uri="{FF2B5EF4-FFF2-40B4-BE49-F238E27FC236}">
                <a16:creationId xmlns:a16="http://schemas.microsoft.com/office/drawing/2014/main" id="{6809A62B-C3B4-4040-AF1D-DC2BF3BDB821}"/>
              </a:ext>
            </a:extLst>
          </p:cNvPr>
          <p:cNvGrpSpPr/>
          <p:nvPr userDrawn="1"/>
        </p:nvGrpSpPr>
        <p:grpSpPr bwMode="gray">
          <a:xfrm>
            <a:off x="0" y="4739176"/>
            <a:ext cx="12192000" cy="129984"/>
            <a:chOff x="324487" y="2057426"/>
            <a:chExt cx="8495663" cy="97488"/>
          </a:xfrm>
        </p:grpSpPr>
        <p:sp>
          <p:nvSpPr>
            <p:cNvPr id="17" name="正方形/長方形 11">
              <a:extLst>
                <a:ext uri="{FF2B5EF4-FFF2-40B4-BE49-F238E27FC236}">
                  <a16:creationId xmlns:a16="http://schemas.microsoft.com/office/drawing/2014/main" id="{DE7BDB25-5A30-4A34-ABFC-B07249D3BFFA}"/>
                </a:ext>
              </a:extLst>
            </p:cNvPr>
            <p:cNvSpPr>
              <a:spLocks noChangeArrowheads="1"/>
            </p:cNvSpPr>
            <p:nvPr/>
          </p:nvSpPr>
          <p:spPr bwMode="gray">
            <a:xfrm>
              <a:off x="324489" y="2057426"/>
              <a:ext cx="8495661" cy="97488"/>
            </a:xfrm>
            <a:prstGeom prst="rect">
              <a:avLst/>
            </a:prstGeom>
            <a:solidFill>
              <a:srgbClr val="73737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US" altLang="ja-JP" sz="4623" dirty="0"/>
            </a:p>
          </p:txBody>
        </p:sp>
        <p:grpSp>
          <p:nvGrpSpPr>
            <p:cNvPr id="18" name="グループ化 16">
              <a:extLst>
                <a:ext uri="{FF2B5EF4-FFF2-40B4-BE49-F238E27FC236}">
                  <a16:creationId xmlns:a16="http://schemas.microsoft.com/office/drawing/2014/main" id="{74096499-38D4-462C-8826-1DB8FC711C1A}"/>
                </a:ext>
              </a:extLst>
            </p:cNvPr>
            <p:cNvGrpSpPr/>
            <p:nvPr/>
          </p:nvGrpSpPr>
          <p:grpSpPr bwMode="gray">
            <a:xfrm>
              <a:off x="324487" y="2057426"/>
              <a:ext cx="1938812" cy="97488"/>
              <a:chOff x="312738" y="2747963"/>
              <a:chExt cx="1970087" cy="109537"/>
            </a:xfrm>
          </p:grpSpPr>
          <p:sp>
            <p:nvSpPr>
              <p:cNvPr id="19" name="正方形/長方形 42">
                <a:extLst>
                  <a:ext uri="{FF2B5EF4-FFF2-40B4-BE49-F238E27FC236}">
                    <a16:creationId xmlns:a16="http://schemas.microsoft.com/office/drawing/2014/main" id="{177D7250-BABC-4571-82D6-043E996D9DB0}"/>
                  </a:ext>
                </a:extLst>
              </p:cNvPr>
              <p:cNvSpPr/>
              <p:nvPr/>
            </p:nvSpPr>
            <p:spPr bwMode="gray">
              <a:xfrm>
                <a:off x="312738" y="2747963"/>
                <a:ext cx="1970087" cy="109537"/>
              </a:xfrm>
              <a:prstGeom prst="rect">
                <a:avLst/>
              </a:prstGeom>
              <a:solidFill>
                <a:srgbClr val="FF0026"/>
              </a:solidFill>
              <a:ln w="9525">
                <a:noFill/>
                <a:miter lim="800000"/>
                <a:headEnd/>
                <a:tailEnd/>
              </a:ln>
              <a:effectLst/>
            </p:spPr>
            <p:txBody>
              <a:bodyPr wrap="none" anchor="ctr"/>
              <a:lstStyle/>
              <a:p>
                <a:pPr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kumimoji="0" lang="en-US" altLang="ja-JP" sz="2400" kern="0" dirty="0">
                  <a:solidFill>
                    <a:sysClr val="windowText" lastClr="000000"/>
                  </a:solidFill>
                </a:endParaRPr>
              </a:p>
            </p:txBody>
          </p:sp>
          <p:sp>
            <p:nvSpPr>
              <p:cNvPr id="20" name="正方形/長方形 43">
                <a:extLst>
                  <a:ext uri="{FF2B5EF4-FFF2-40B4-BE49-F238E27FC236}">
                    <a16:creationId xmlns:a16="http://schemas.microsoft.com/office/drawing/2014/main" id="{BFDA5A74-11DA-4E7F-9508-F12960D3B74E}"/>
                  </a:ext>
                </a:extLst>
              </p:cNvPr>
              <p:cNvSpPr/>
              <p:nvPr/>
            </p:nvSpPr>
            <p:spPr bwMode="gray">
              <a:xfrm>
                <a:off x="312738" y="2747963"/>
                <a:ext cx="985837" cy="109537"/>
              </a:xfrm>
              <a:prstGeom prst="rect">
                <a:avLst/>
              </a:prstGeom>
              <a:solidFill>
                <a:srgbClr val="B3B3B3"/>
              </a:solidFill>
              <a:ln w="9525">
                <a:noFill/>
                <a:miter lim="800000"/>
                <a:headEnd/>
                <a:tailEnd/>
              </a:ln>
              <a:effectLst/>
            </p:spPr>
            <p:txBody>
              <a:bodyPr wrap="none" anchor="ctr"/>
              <a:lstStyle/>
              <a:p>
                <a:pPr algn="l"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kumimoji="0" lang="en-US" altLang="ja-JP" sz="2400" kern="0" dirty="0">
                  <a:solidFill>
                    <a:sysClr val="windowText" lastClr="000000"/>
                  </a:solidFill>
                </a:endParaRPr>
              </a:p>
            </p:txBody>
          </p:sp>
        </p:grpSp>
      </p:grpSp>
      <p:pic>
        <p:nvPicPr>
          <p:cNvPr id="58" name="Graphic 57">
            <a:extLst>
              <a:ext uri="{FF2B5EF4-FFF2-40B4-BE49-F238E27FC236}">
                <a16:creationId xmlns:a16="http://schemas.microsoft.com/office/drawing/2014/main" id="{87CED3B0-7818-48A4-B9A0-D2FA09E0AF0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8101664" y="41555"/>
            <a:ext cx="4054618" cy="962688"/>
          </a:xfrm>
          <a:prstGeom prst="rect">
            <a:avLst/>
          </a:prstGeom>
        </p:spPr>
      </p:pic>
      <p:sp>
        <p:nvSpPr>
          <p:cNvPr id="15" name="TextBox 14">
            <a:extLst>
              <a:ext uri="{FF2B5EF4-FFF2-40B4-BE49-F238E27FC236}">
                <a16:creationId xmlns:a16="http://schemas.microsoft.com/office/drawing/2014/main" id="{2C9385B2-CD2A-4812-9A01-A693DDBC15A1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  <p:sp>
        <p:nvSpPr>
          <p:cNvPr id="27" name="Footer Placeholder 4">
            <a:extLst>
              <a:ext uri="{FF2B5EF4-FFF2-40B4-BE49-F238E27FC236}">
                <a16:creationId xmlns:a16="http://schemas.microsoft.com/office/drawing/2014/main" id="{B7F2E0A4-3CB6-416D-ADC4-4C7496CC946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28" name="Slide Number Placeholder 5">
            <a:extLst>
              <a:ext uri="{FF2B5EF4-FFF2-40B4-BE49-F238E27FC236}">
                <a16:creationId xmlns:a16="http://schemas.microsoft.com/office/drawing/2014/main" id="{27C55999-B301-4D4D-A96E-5C9CA066EC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C24EC536-6FE3-4540-8D85-74C58F0BF697}" type="slidenum">
              <a:rPr lang="en-US"/>
              <a:pPr/>
              <a:t>‹#›</a:t>
            </a:fld>
            <a:endParaRPr lang="en-US" dirty="0"/>
          </a:p>
        </p:txBody>
      </p:sp>
      <p:sp>
        <p:nvSpPr>
          <p:cNvPr id="3" name="text" descr="{&#10; &quot;SkabelonDesign&quot;: {&#10; &quot;textualValue&quot;: &quot;&lt;key1/&gt;&quot;,&#10; &quot;bindingCollection&quot;: {&#10; &quot;key1&quot;: {&quot;SkabelonDesign&quot;:{&quot;type&quot;:&quot;Text&quot;,&quot;binding&quot;:&quot;Copyright&quot;}}&#10; }&#10; }&#10;}">
            <a:extLst>
              <a:ext uri="{FF2B5EF4-FFF2-40B4-BE49-F238E27FC236}">
                <a16:creationId xmlns:a16="http://schemas.microsoft.com/office/drawing/2014/main" id="{CC04AA69-D16D-4C3C-BBAC-042383626835}"/>
              </a:ext>
            </a:extLst>
          </p:cNvPr>
          <p:cNvSpPr txBox="1"/>
          <p:nvPr userDrawn="1"/>
        </p:nvSpPr>
        <p:spPr bwMode="gray">
          <a:xfrm>
            <a:off x="9384507" y="6604001"/>
            <a:ext cx="2160000" cy="224432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 anchor="ctr">
            <a:noAutofit/>
          </a:bodyPr>
          <a:lstStyle/>
          <a:p>
            <a:pPr marL="0" marR="0" lvl="0" indent="0" algn="l" defTabSz="914491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kumimoji="0" lang="en-US" sz="73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9" name="text" descr="{&#10; &quot;SkabelonDesign&quot;: {&#10; &quot;textualValue&quot;: &quot;&lt;key1/&gt;&quot;,&#10; &quot;bindingCollection&quot;: {&#10; &quot;key1&quot;: {&quot;SkabelonDesign&quot;:{&quot;type&quot;:&quot;Text&quot;,&quot;binding&quot;:&quot;Title&quot;}}&#10; }&#10; }&#10;}">
            <a:extLst>
              <a:ext uri="{FF2B5EF4-FFF2-40B4-BE49-F238E27FC236}">
                <a16:creationId xmlns:a16="http://schemas.microsoft.com/office/drawing/2014/main" id="{84363F99-AF02-4A5B-A36C-8C3FDDCFE92A}"/>
              </a:ext>
            </a:extLst>
          </p:cNvPr>
          <p:cNvSpPr/>
          <p:nvPr userDrawn="1"/>
        </p:nvSpPr>
        <p:spPr bwMode="gray">
          <a:xfrm>
            <a:off x="1369197" y="5090003"/>
            <a:ext cx="10537200" cy="572286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endParaRPr lang="da-DK" sz="2800" b="1" dirty="0">
              <a:solidFill>
                <a:schemeClr val="tx1"/>
              </a:solidFill>
            </a:endParaRPr>
          </a:p>
        </p:txBody>
      </p:sp>
      <p:sp>
        <p:nvSpPr>
          <p:cNvPr id="10" name="text" descr="{&#10; &quot;SkabelonDesign&quot;: {&#10; &quot;textualValue&quot;: &quot;&lt;key1/&gt;&quot;,&#10; &quot;bindingCollection&quot;: {&#10; &quot;key1&quot;: {&quot;SkabelonDesign&quot;:{&quot;type&quot;:&quot;Text&quot;,&quot;binding&quot;:&quot;SupplementaryTitle&quot;}}&#10; }&#10; }&#10;}">
            <a:extLst>
              <a:ext uri="{FF2B5EF4-FFF2-40B4-BE49-F238E27FC236}">
                <a16:creationId xmlns:a16="http://schemas.microsoft.com/office/drawing/2014/main" id="{49E04663-53AE-4442-949C-131F559D36CC}"/>
              </a:ext>
            </a:extLst>
          </p:cNvPr>
          <p:cNvSpPr/>
          <p:nvPr userDrawn="1"/>
        </p:nvSpPr>
        <p:spPr bwMode="gray">
          <a:xfrm>
            <a:off x="1368404" y="5681719"/>
            <a:ext cx="10542162" cy="40043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endParaRPr lang="da-DK" sz="2000" b="0" dirty="0">
              <a:solidFill>
                <a:schemeClr val="tx1"/>
              </a:solidFill>
            </a:endParaRPr>
          </a:p>
        </p:txBody>
      </p:sp>
      <p:sp>
        <p:nvSpPr>
          <p:cNvPr id="7" name="text" descr="{&#10; &quot;SkabelonDesign&quot;: {&#10; &quot;textualValue&quot;: &quot;&lt;key1/&gt;&quot;,&#10; &quot;bindingCollection&quot;: {&#10; &quot;key1&quot;: {&quot;SkabelonDesign&quot;:{&quot;type&quot;:&quot;Text&quot;,&quot;binding&quot;:&quot;PPMetadata&quot;}}&#10; }&#10; }&#10;}">
            <a:extLst>
              <a:ext uri="{FF2B5EF4-FFF2-40B4-BE49-F238E27FC236}">
                <a16:creationId xmlns:a16="http://schemas.microsoft.com/office/drawing/2014/main" id="{8E5411FA-3269-4512-B9BC-F1FEB3A5DF4B}"/>
              </a:ext>
            </a:extLst>
          </p:cNvPr>
          <p:cNvSpPr txBox="1"/>
          <p:nvPr userDrawn="1"/>
        </p:nvSpPr>
        <p:spPr bwMode="gray">
          <a:xfrm>
            <a:off x="1365279" y="6639725"/>
            <a:ext cx="3431478" cy="154949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 anchor="ctr">
            <a:noAutofit/>
          </a:bodyPr>
          <a:lstStyle/>
          <a:p>
            <a:pPr algn="l"/>
            <a:endParaRPr lang="pl-PL" sz="930" dirty="0">
              <a:solidFill>
                <a:schemeClr val="tx1"/>
              </a:solidFill>
            </a:endParaRPr>
          </a:p>
        </p:txBody>
      </p:sp>
      <p:sp>
        <p:nvSpPr>
          <p:cNvPr id="21" name="Text Box 13">
            <a:extLst>
              <a:ext uri="{FF2B5EF4-FFF2-40B4-BE49-F238E27FC236}">
                <a16:creationId xmlns:a16="http://schemas.microsoft.com/office/drawing/2014/main" id="{67B318E7-F505-43BC-847E-0E04446BD2EE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1372422" y="6438755"/>
            <a:ext cx="3424335" cy="261610"/>
          </a:xfrm>
          <a:prstGeom prst="rect">
            <a:avLst/>
          </a:prstGeom>
          <a:noFill/>
          <a:ln w="25400">
            <a:noFill/>
            <a:miter lim="800000"/>
            <a:headEnd/>
            <a:tailEnd/>
          </a:ln>
        </p:spPr>
        <p:txBody>
          <a:bodyPr wrap="none" lIns="0" tIns="0" rIns="0" bIns="0">
            <a:noAutofit/>
          </a:bodyPr>
          <a:lstStyle/>
          <a:p>
            <a:pPr algn="ctr">
              <a:spcBef>
                <a:spcPct val="50000"/>
              </a:spcBef>
              <a:defRPr/>
            </a:pPr>
            <a:r>
              <a:rPr kumimoji="0" lang="en-US" altLang="ja-JP" sz="1170" b="1" dirty="0">
                <a:solidFill>
                  <a:schemeClr val="tx1"/>
                </a:solidFill>
                <a:latin typeface="Arial" charset="0"/>
                <a:ea typeface="Arial" pitchFamily="34" charset="0"/>
              </a:rPr>
              <a:t>POWERING GOOD FOR SUSTAINABLE ENERGY</a:t>
            </a:r>
          </a:p>
        </p:txBody>
      </p:sp>
      <p:pic>
        <p:nvPicPr>
          <p:cNvPr id="11" name="Confidential" hidden="1">
            <a:extLst>
              <a:ext uri="{FF2B5EF4-FFF2-40B4-BE49-F238E27FC236}">
                <a16:creationId xmlns:a16="http://schemas.microsoft.com/office/drawing/2014/main" id="{661966F3-7AA1-4EF4-BA95-02DF53D7AA6E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277200" y="345600"/>
            <a:ext cx="1671890" cy="266400"/>
          </a:xfrm>
          <a:prstGeom prst="rect">
            <a:avLst/>
          </a:prstGeom>
        </p:spPr>
      </p:pic>
      <p:pic>
        <p:nvPicPr>
          <p:cNvPr id="12" name="Public" hidden="1">
            <a:extLst>
              <a:ext uri="{FF2B5EF4-FFF2-40B4-BE49-F238E27FC236}">
                <a16:creationId xmlns:a16="http://schemas.microsoft.com/office/drawing/2014/main" id="{FC73FBE7-E8DC-4480-8500-F5BA25F6A2CF}"/>
              </a:ext>
            </a:extLst>
          </p:cNvPr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275718" y="345600"/>
            <a:ext cx="1671890" cy="266400"/>
          </a:xfrm>
          <a:prstGeom prst="rect">
            <a:avLst/>
          </a:prstGeom>
        </p:spPr>
      </p:pic>
      <p:pic>
        <p:nvPicPr>
          <p:cNvPr id="13" name="Internal">
            <a:extLst>
              <a:ext uri="{FF2B5EF4-FFF2-40B4-BE49-F238E27FC236}">
                <a16:creationId xmlns:a16="http://schemas.microsoft.com/office/drawing/2014/main" id="{2E032F33-734F-46C6-8307-54FF5447C0B3}"/>
              </a:ext>
            </a:extLst>
          </p:cNvPr>
          <p:cNvPicPr>
            <a:picLocks noChangeAspect="1"/>
          </p:cNvPicPr>
          <p:nvPr userDrawn="1"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275718" y="344152"/>
            <a:ext cx="1671890" cy="266400"/>
          </a:xfrm>
          <a:prstGeom prst="rect">
            <a:avLst/>
          </a:prstGeom>
        </p:spPr>
      </p:pic>
      <p:pic>
        <p:nvPicPr>
          <p:cNvPr id="14" name="Strictly">
            <a:extLst>
              <a:ext uri="{FF2B5EF4-FFF2-40B4-BE49-F238E27FC236}">
                <a16:creationId xmlns:a16="http://schemas.microsoft.com/office/drawing/2014/main" id="{4D95BBEA-FA4C-4CD5-95B2-87BE670FCBD3}"/>
              </a:ext>
            </a:extLst>
          </p:cNvPr>
          <p:cNvPicPr>
            <a:picLocks noChangeAspect="1"/>
          </p:cNvPicPr>
          <p:nvPr userDrawn="1"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1"/>
              </a:ext>
            </a:extLst>
          </a:blip>
          <a:stretch>
            <a:fillRect/>
          </a:stretch>
        </p:blipFill>
        <p:spPr>
          <a:xfrm>
            <a:off x="277200" y="345600"/>
            <a:ext cx="1671890" cy="266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25108775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01_Cover Slide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" name="Picture Placeholder 26">
            <a:extLst>
              <a:ext uri="{FF2B5EF4-FFF2-40B4-BE49-F238E27FC236}">
                <a16:creationId xmlns:a16="http://schemas.microsoft.com/office/drawing/2014/main" id="{ED264CAE-BD05-44F6-9744-36750CF644FA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4" y="2"/>
            <a:ext cx="12191997" cy="2703599"/>
          </a:xfrm>
          <a:custGeom>
            <a:avLst/>
            <a:gdLst>
              <a:gd name="connsiteX0" fmla="*/ 11901903 w 12191997"/>
              <a:gd name="connsiteY0" fmla="*/ 528222 h 2703599"/>
              <a:gd name="connsiteX1" fmla="*/ 11788419 w 12191997"/>
              <a:gd name="connsiteY1" fmla="*/ 528562 h 2703599"/>
              <a:gd name="connsiteX2" fmla="*/ 11788419 w 12191997"/>
              <a:gd name="connsiteY2" fmla="*/ 690067 h 2703599"/>
              <a:gd name="connsiteX3" fmla="*/ 11808352 w 12191997"/>
              <a:gd name="connsiteY3" fmla="*/ 690067 h 2703599"/>
              <a:gd name="connsiteX4" fmla="*/ 11916615 w 12191997"/>
              <a:gd name="connsiteY4" fmla="*/ 591757 h 2703599"/>
              <a:gd name="connsiteX5" fmla="*/ 11916627 w 12191997"/>
              <a:gd name="connsiteY5" fmla="*/ 582133 h 2703599"/>
              <a:gd name="connsiteX6" fmla="*/ 11901903 w 12191997"/>
              <a:gd name="connsiteY6" fmla="*/ 528222 h 2703599"/>
              <a:gd name="connsiteX7" fmla="*/ 11680484 w 12191997"/>
              <a:gd name="connsiteY7" fmla="*/ 528222 h 2703599"/>
              <a:gd name="connsiteX8" fmla="*/ 11680484 w 12191997"/>
              <a:gd name="connsiteY8" fmla="*/ 690067 h 2703599"/>
              <a:gd name="connsiteX9" fmla="*/ 11778340 w 12191997"/>
              <a:gd name="connsiteY9" fmla="*/ 690067 h 2703599"/>
              <a:gd name="connsiteX10" fmla="*/ 11778340 w 12191997"/>
              <a:gd name="connsiteY10" fmla="*/ 528222 h 2703599"/>
              <a:gd name="connsiteX11" fmla="*/ 11625328 w 12191997"/>
              <a:gd name="connsiteY11" fmla="*/ 528222 h 2703599"/>
              <a:gd name="connsiteX12" fmla="*/ 11511957 w 12191997"/>
              <a:gd name="connsiteY12" fmla="*/ 528562 h 2703599"/>
              <a:gd name="connsiteX13" fmla="*/ 11511957 w 12191997"/>
              <a:gd name="connsiteY13" fmla="*/ 690067 h 2703599"/>
              <a:gd name="connsiteX14" fmla="*/ 11531777 w 12191997"/>
              <a:gd name="connsiteY14" fmla="*/ 690067 h 2703599"/>
              <a:gd name="connsiteX15" fmla="*/ 11640040 w 12191997"/>
              <a:gd name="connsiteY15" fmla="*/ 591757 h 2703599"/>
              <a:gd name="connsiteX16" fmla="*/ 11640052 w 12191997"/>
              <a:gd name="connsiteY16" fmla="*/ 582133 h 2703599"/>
              <a:gd name="connsiteX17" fmla="*/ 11625328 w 12191997"/>
              <a:gd name="connsiteY17" fmla="*/ 528222 h 2703599"/>
              <a:gd name="connsiteX18" fmla="*/ 11404023 w 12191997"/>
              <a:gd name="connsiteY18" fmla="*/ 528222 h 2703599"/>
              <a:gd name="connsiteX19" fmla="*/ 11404023 w 12191997"/>
              <a:gd name="connsiteY19" fmla="*/ 690067 h 2703599"/>
              <a:gd name="connsiteX20" fmla="*/ 11501878 w 12191997"/>
              <a:gd name="connsiteY20" fmla="*/ 690067 h 2703599"/>
              <a:gd name="connsiteX21" fmla="*/ 11501878 w 12191997"/>
              <a:gd name="connsiteY21" fmla="*/ 528222 h 2703599"/>
              <a:gd name="connsiteX22" fmla="*/ 11215109 w 12191997"/>
              <a:gd name="connsiteY22" fmla="*/ 528222 h 2703599"/>
              <a:gd name="connsiteX23" fmla="*/ 11215109 w 12191997"/>
              <a:gd name="connsiteY23" fmla="*/ 622565 h 2703599"/>
              <a:gd name="connsiteX24" fmla="*/ 11269133 w 12191997"/>
              <a:gd name="connsiteY24" fmla="*/ 622565 h 2703599"/>
              <a:gd name="connsiteX25" fmla="*/ 11292690 w 12191997"/>
              <a:gd name="connsiteY25" fmla="*/ 690067 h 2703599"/>
              <a:gd name="connsiteX26" fmla="*/ 11376954 w 12191997"/>
              <a:gd name="connsiteY26" fmla="*/ 690067 h 2703599"/>
              <a:gd name="connsiteX27" fmla="*/ 11319759 w 12191997"/>
              <a:gd name="connsiteY27" fmla="*/ 528222 h 2703599"/>
              <a:gd name="connsiteX28" fmla="*/ 11100379 w 12191997"/>
              <a:gd name="connsiteY28" fmla="*/ 528222 h 2703599"/>
              <a:gd name="connsiteX29" fmla="*/ 11043071 w 12191997"/>
              <a:gd name="connsiteY29" fmla="*/ 690067 h 2703599"/>
              <a:gd name="connsiteX30" fmla="*/ 11127448 w 12191997"/>
              <a:gd name="connsiteY30" fmla="*/ 690067 h 2703599"/>
              <a:gd name="connsiteX31" fmla="*/ 11151005 w 12191997"/>
              <a:gd name="connsiteY31" fmla="*/ 622565 h 2703599"/>
              <a:gd name="connsiteX32" fmla="*/ 11205029 w 12191997"/>
              <a:gd name="connsiteY32" fmla="*/ 622565 h 2703599"/>
              <a:gd name="connsiteX33" fmla="*/ 11205029 w 12191997"/>
              <a:gd name="connsiteY33" fmla="*/ 528222 h 2703599"/>
              <a:gd name="connsiteX34" fmla="*/ 9340585 w 12191997"/>
              <a:gd name="connsiteY34" fmla="*/ 417457 h 2703599"/>
              <a:gd name="connsiteX35" fmla="*/ 9399592 w 12191997"/>
              <a:gd name="connsiteY35" fmla="*/ 562539 h 2703599"/>
              <a:gd name="connsiteX36" fmla="*/ 9281465 w 12191997"/>
              <a:gd name="connsiteY36" fmla="*/ 562539 h 2703599"/>
              <a:gd name="connsiteX37" fmla="*/ 9340585 w 12191997"/>
              <a:gd name="connsiteY37" fmla="*/ 417683 h 2703599"/>
              <a:gd name="connsiteX38" fmla="*/ 9932921 w 12191997"/>
              <a:gd name="connsiteY38" fmla="*/ 362639 h 2703599"/>
              <a:gd name="connsiteX39" fmla="*/ 9932921 w 12191997"/>
              <a:gd name="connsiteY39" fmla="*/ 683612 h 2703599"/>
              <a:gd name="connsiteX40" fmla="*/ 10018883 w 12191997"/>
              <a:gd name="connsiteY40" fmla="*/ 683612 h 2703599"/>
              <a:gd name="connsiteX41" fmla="*/ 10018883 w 12191997"/>
              <a:gd name="connsiteY41" fmla="*/ 542606 h 2703599"/>
              <a:gd name="connsiteX42" fmla="*/ 10190808 w 12191997"/>
              <a:gd name="connsiteY42" fmla="*/ 542606 h 2703599"/>
              <a:gd name="connsiteX43" fmla="*/ 10190808 w 12191997"/>
              <a:gd name="connsiteY43" fmla="*/ 683612 h 2703599"/>
              <a:gd name="connsiteX44" fmla="*/ 10275525 w 12191997"/>
              <a:gd name="connsiteY44" fmla="*/ 683612 h 2703599"/>
              <a:gd name="connsiteX45" fmla="*/ 10275525 w 12191997"/>
              <a:gd name="connsiteY45" fmla="*/ 362639 h 2703599"/>
              <a:gd name="connsiteX46" fmla="*/ 10190808 w 12191997"/>
              <a:gd name="connsiteY46" fmla="*/ 362639 h 2703599"/>
              <a:gd name="connsiteX47" fmla="*/ 10190808 w 12191997"/>
              <a:gd name="connsiteY47" fmla="*/ 491527 h 2703599"/>
              <a:gd name="connsiteX48" fmla="*/ 10018883 w 12191997"/>
              <a:gd name="connsiteY48" fmla="*/ 491527 h 2703599"/>
              <a:gd name="connsiteX49" fmla="*/ 10018883 w 12191997"/>
              <a:gd name="connsiteY49" fmla="*/ 362639 h 2703599"/>
              <a:gd name="connsiteX50" fmla="*/ 9288147 w 12191997"/>
              <a:gd name="connsiteY50" fmla="*/ 362639 h 2703599"/>
              <a:gd name="connsiteX51" fmla="*/ 9137741 w 12191997"/>
              <a:gd name="connsiteY51" fmla="*/ 683612 h 2703599"/>
              <a:gd name="connsiteX52" fmla="*/ 9233104 w 12191997"/>
              <a:gd name="connsiteY52" fmla="*/ 683612 h 2703599"/>
              <a:gd name="connsiteX53" fmla="*/ 9259946 w 12191997"/>
              <a:gd name="connsiteY53" fmla="*/ 615657 h 2703599"/>
              <a:gd name="connsiteX54" fmla="*/ 9419752 w 12191997"/>
              <a:gd name="connsiteY54" fmla="*/ 615657 h 2703599"/>
              <a:gd name="connsiteX55" fmla="*/ 9447953 w 12191997"/>
              <a:gd name="connsiteY55" fmla="*/ 683612 h 2703599"/>
              <a:gd name="connsiteX56" fmla="*/ 9542070 w 12191997"/>
              <a:gd name="connsiteY56" fmla="*/ 683612 h 2703599"/>
              <a:gd name="connsiteX57" fmla="*/ 9391551 w 12191997"/>
              <a:gd name="connsiteY57" fmla="*/ 362639 h 2703599"/>
              <a:gd name="connsiteX58" fmla="*/ 8866376 w 12191997"/>
              <a:gd name="connsiteY58" fmla="*/ 362639 h 2703599"/>
              <a:gd name="connsiteX59" fmla="*/ 8866376 w 12191997"/>
              <a:gd name="connsiteY59" fmla="*/ 417683 h 2703599"/>
              <a:gd name="connsiteX60" fmla="*/ 8996396 w 12191997"/>
              <a:gd name="connsiteY60" fmla="*/ 417683 h 2703599"/>
              <a:gd name="connsiteX61" fmla="*/ 8996396 w 12191997"/>
              <a:gd name="connsiteY61" fmla="*/ 683612 h 2703599"/>
              <a:gd name="connsiteX62" fmla="*/ 9081225 w 12191997"/>
              <a:gd name="connsiteY62" fmla="*/ 683612 h 2703599"/>
              <a:gd name="connsiteX63" fmla="*/ 9081225 w 12191997"/>
              <a:gd name="connsiteY63" fmla="*/ 417683 h 2703599"/>
              <a:gd name="connsiteX64" fmla="*/ 9211585 w 12191997"/>
              <a:gd name="connsiteY64" fmla="*/ 417683 h 2703599"/>
              <a:gd name="connsiteX65" fmla="*/ 9211585 w 12191997"/>
              <a:gd name="connsiteY65" fmla="*/ 362639 h 2703599"/>
              <a:gd name="connsiteX66" fmla="*/ 10342687 w 12191997"/>
              <a:gd name="connsiteY66" fmla="*/ 362526 h 2703599"/>
              <a:gd name="connsiteX67" fmla="*/ 10342687 w 12191997"/>
              <a:gd name="connsiteY67" fmla="*/ 683612 h 2703599"/>
              <a:gd name="connsiteX68" fmla="*/ 10427290 w 12191997"/>
              <a:gd name="connsiteY68" fmla="*/ 683612 h 2703599"/>
              <a:gd name="connsiteX69" fmla="*/ 10427290 w 12191997"/>
              <a:gd name="connsiteY69" fmla="*/ 362526 h 2703599"/>
              <a:gd name="connsiteX70" fmla="*/ 8750853 w 12191997"/>
              <a:gd name="connsiteY70" fmla="*/ 362526 h 2703599"/>
              <a:gd name="connsiteX71" fmla="*/ 8750853 w 12191997"/>
              <a:gd name="connsiteY71" fmla="*/ 683612 h 2703599"/>
              <a:gd name="connsiteX72" fmla="*/ 8836815 w 12191997"/>
              <a:gd name="connsiteY72" fmla="*/ 683612 h 2703599"/>
              <a:gd name="connsiteX73" fmla="*/ 8836815 w 12191997"/>
              <a:gd name="connsiteY73" fmla="*/ 362526 h 2703599"/>
              <a:gd name="connsiteX74" fmla="*/ 8342446 w 12191997"/>
              <a:gd name="connsiteY74" fmla="*/ 362526 h 2703599"/>
              <a:gd name="connsiteX75" fmla="*/ 8342446 w 12191997"/>
              <a:gd name="connsiteY75" fmla="*/ 683612 h 2703599"/>
              <a:gd name="connsiteX76" fmla="*/ 8427049 w 12191997"/>
              <a:gd name="connsiteY76" fmla="*/ 683612 h 2703599"/>
              <a:gd name="connsiteX77" fmla="*/ 8427049 w 12191997"/>
              <a:gd name="connsiteY77" fmla="*/ 542606 h 2703599"/>
              <a:gd name="connsiteX78" fmla="*/ 8598974 w 12191997"/>
              <a:gd name="connsiteY78" fmla="*/ 542606 h 2703599"/>
              <a:gd name="connsiteX79" fmla="*/ 8598974 w 12191997"/>
              <a:gd name="connsiteY79" fmla="*/ 683612 h 2703599"/>
              <a:gd name="connsiteX80" fmla="*/ 8683691 w 12191997"/>
              <a:gd name="connsiteY80" fmla="*/ 683612 h 2703599"/>
              <a:gd name="connsiteX81" fmla="*/ 8683691 w 12191997"/>
              <a:gd name="connsiteY81" fmla="*/ 362526 h 2703599"/>
              <a:gd name="connsiteX82" fmla="*/ 8598974 w 12191997"/>
              <a:gd name="connsiteY82" fmla="*/ 362526 h 2703599"/>
              <a:gd name="connsiteX83" fmla="*/ 8598974 w 12191997"/>
              <a:gd name="connsiteY83" fmla="*/ 491527 h 2703599"/>
              <a:gd name="connsiteX84" fmla="*/ 8427049 w 12191997"/>
              <a:gd name="connsiteY84" fmla="*/ 491527 h 2703599"/>
              <a:gd name="connsiteX85" fmla="*/ 8427049 w 12191997"/>
              <a:gd name="connsiteY85" fmla="*/ 362526 h 2703599"/>
              <a:gd name="connsiteX86" fmla="*/ 11788419 w 12191997"/>
              <a:gd name="connsiteY86" fmla="*/ 356184 h 2703599"/>
              <a:gd name="connsiteX87" fmla="*/ 11788419 w 12191997"/>
              <a:gd name="connsiteY87" fmla="*/ 518029 h 2703599"/>
              <a:gd name="connsiteX88" fmla="*/ 11895109 w 12191997"/>
              <a:gd name="connsiteY88" fmla="*/ 518029 h 2703599"/>
              <a:gd name="connsiteX89" fmla="*/ 11855695 w 12191997"/>
              <a:gd name="connsiteY89" fmla="*/ 485184 h 2703599"/>
              <a:gd name="connsiteX90" fmla="*/ 11886275 w 12191997"/>
              <a:gd name="connsiteY90" fmla="*/ 426970 h 2703599"/>
              <a:gd name="connsiteX91" fmla="*/ 11808352 w 12191997"/>
              <a:gd name="connsiteY91" fmla="*/ 356184 h 2703599"/>
              <a:gd name="connsiteX92" fmla="*/ 11680484 w 12191997"/>
              <a:gd name="connsiteY92" fmla="*/ 356184 h 2703599"/>
              <a:gd name="connsiteX93" fmla="*/ 11680484 w 12191997"/>
              <a:gd name="connsiteY93" fmla="*/ 518029 h 2703599"/>
              <a:gd name="connsiteX94" fmla="*/ 11778340 w 12191997"/>
              <a:gd name="connsiteY94" fmla="*/ 518029 h 2703599"/>
              <a:gd name="connsiteX95" fmla="*/ 11778340 w 12191997"/>
              <a:gd name="connsiteY95" fmla="*/ 356184 h 2703599"/>
              <a:gd name="connsiteX96" fmla="*/ 11404023 w 12191997"/>
              <a:gd name="connsiteY96" fmla="*/ 356184 h 2703599"/>
              <a:gd name="connsiteX97" fmla="*/ 11404023 w 12191997"/>
              <a:gd name="connsiteY97" fmla="*/ 518029 h 2703599"/>
              <a:gd name="connsiteX98" fmla="*/ 11501878 w 12191997"/>
              <a:gd name="connsiteY98" fmla="*/ 518029 h 2703599"/>
              <a:gd name="connsiteX99" fmla="*/ 11501878 w 12191997"/>
              <a:gd name="connsiteY99" fmla="*/ 356184 h 2703599"/>
              <a:gd name="connsiteX100" fmla="*/ 11215109 w 12191997"/>
              <a:gd name="connsiteY100" fmla="*/ 356184 h 2703599"/>
              <a:gd name="connsiteX101" fmla="*/ 11215109 w 12191997"/>
              <a:gd name="connsiteY101" fmla="*/ 518029 h 2703599"/>
              <a:gd name="connsiteX102" fmla="*/ 11316136 w 12191997"/>
              <a:gd name="connsiteY102" fmla="*/ 518029 h 2703599"/>
              <a:gd name="connsiteX103" fmla="*/ 11258940 w 12191997"/>
              <a:gd name="connsiteY103" fmla="*/ 356184 h 2703599"/>
              <a:gd name="connsiteX104" fmla="*/ 11161200 w 12191997"/>
              <a:gd name="connsiteY104" fmla="*/ 356184 h 2703599"/>
              <a:gd name="connsiteX105" fmla="*/ 11103890 w 12191997"/>
              <a:gd name="connsiteY105" fmla="*/ 518029 h 2703599"/>
              <a:gd name="connsiteX106" fmla="*/ 11205030 w 12191997"/>
              <a:gd name="connsiteY106" fmla="*/ 518029 h 2703599"/>
              <a:gd name="connsiteX107" fmla="*/ 11205030 w 12191997"/>
              <a:gd name="connsiteY107" fmla="*/ 356184 h 2703599"/>
              <a:gd name="connsiteX108" fmla="*/ 11511957 w 12191997"/>
              <a:gd name="connsiteY108" fmla="*/ 355844 h 2703599"/>
              <a:gd name="connsiteX109" fmla="*/ 11511957 w 12191997"/>
              <a:gd name="connsiteY109" fmla="*/ 518029 h 2703599"/>
              <a:gd name="connsiteX110" fmla="*/ 11618533 w 12191997"/>
              <a:gd name="connsiteY110" fmla="*/ 518029 h 2703599"/>
              <a:gd name="connsiteX111" fmla="*/ 11579233 w 12191997"/>
              <a:gd name="connsiteY111" fmla="*/ 485184 h 2703599"/>
              <a:gd name="connsiteX112" fmla="*/ 11609699 w 12191997"/>
              <a:gd name="connsiteY112" fmla="*/ 426630 h 2703599"/>
              <a:gd name="connsiteX113" fmla="*/ 11531777 w 12191997"/>
              <a:gd name="connsiteY113" fmla="*/ 355844 h 2703599"/>
              <a:gd name="connsiteX114" fmla="*/ 9723643 w 12191997"/>
              <a:gd name="connsiteY114" fmla="*/ 355142 h 2703599"/>
              <a:gd name="connsiteX115" fmla="*/ 9622369 w 12191997"/>
              <a:gd name="connsiteY115" fmla="*/ 372606 h 2703599"/>
              <a:gd name="connsiteX116" fmla="*/ 9549884 w 12191997"/>
              <a:gd name="connsiteY116" fmla="*/ 432972 h 2703599"/>
              <a:gd name="connsiteX117" fmla="*/ 9527233 w 12191997"/>
              <a:gd name="connsiteY117" fmla="*/ 526976 h 2703599"/>
              <a:gd name="connsiteX118" fmla="*/ 9539352 w 12191997"/>
              <a:gd name="connsiteY118" fmla="*/ 594930 h 2703599"/>
              <a:gd name="connsiteX119" fmla="*/ 9538559 w 12191997"/>
              <a:gd name="connsiteY119" fmla="*/ 593911 h 2703599"/>
              <a:gd name="connsiteX120" fmla="*/ 9629844 w 12191997"/>
              <a:gd name="connsiteY120" fmla="*/ 677268 h 2703599"/>
              <a:gd name="connsiteX121" fmla="*/ 9715920 w 12191997"/>
              <a:gd name="connsiteY121" fmla="*/ 690633 h 2703599"/>
              <a:gd name="connsiteX122" fmla="*/ 9826006 w 12191997"/>
              <a:gd name="connsiteY122" fmla="*/ 667981 h 2703599"/>
              <a:gd name="connsiteX123" fmla="*/ 9885127 w 12191997"/>
              <a:gd name="connsiteY123" fmla="*/ 598101 h 2703599"/>
              <a:gd name="connsiteX124" fmla="*/ 9889204 w 12191997"/>
              <a:gd name="connsiteY124" fmla="*/ 567182 h 2703599"/>
              <a:gd name="connsiteX125" fmla="*/ 9798598 w 12191997"/>
              <a:gd name="connsiteY125" fmla="*/ 567182 h 2703599"/>
              <a:gd name="connsiteX126" fmla="*/ 9791916 w 12191997"/>
              <a:gd name="connsiteY126" fmla="*/ 601159 h 2703599"/>
              <a:gd name="connsiteX127" fmla="*/ 9754201 w 12191997"/>
              <a:gd name="connsiteY127" fmla="*/ 635136 h 2703599"/>
              <a:gd name="connsiteX128" fmla="*/ 9715354 w 12191997"/>
              <a:gd name="connsiteY128" fmla="*/ 641932 h 2703599"/>
              <a:gd name="connsiteX129" fmla="*/ 9670051 w 12191997"/>
              <a:gd name="connsiteY129" fmla="*/ 633777 h 2703599"/>
              <a:gd name="connsiteX130" fmla="*/ 9624748 w 12191997"/>
              <a:gd name="connsiteY130" fmla="*/ 582811 h 2703599"/>
              <a:gd name="connsiteX131" fmla="*/ 9616706 w 12191997"/>
              <a:gd name="connsiteY131" fmla="*/ 526183 h 2703599"/>
              <a:gd name="connsiteX132" fmla="*/ 9628032 w 12191997"/>
              <a:gd name="connsiteY132" fmla="*/ 459021 h 2703599"/>
              <a:gd name="connsiteX133" fmla="*/ 9675034 w 12191997"/>
              <a:gd name="connsiteY133" fmla="*/ 412019 h 2703599"/>
              <a:gd name="connsiteX134" fmla="*/ 9716713 w 12191997"/>
              <a:gd name="connsiteY134" fmla="*/ 403978 h 2703599"/>
              <a:gd name="connsiteX135" fmla="*/ 9754088 w 12191997"/>
              <a:gd name="connsiteY135" fmla="*/ 410207 h 2703599"/>
              <a:gd name="connsiteX136" fmla="*/ 9794294 w 12191997"/>
              <a:gd name="connsiteY136" fmla="*/ 447809 h 2703599"/>
              <a:gd name="connsiteX137" fmla="*/ 9798371 w 12191997"/>
              <a:gd name="connsiteY137" fmla="*/ 471932 h 2703599"/>
              <a:gd name="connsiteX138" fmla="*/ 9888411 w 12191997"/>
              <a:gd name="connsiteY138" fmla="*/ 471932 h 2703599"/>
              <a:gd name="connsiteX139" fmla="*/ 9884334 w 12191997"/>
              <a:gd name="connsiteY139" fmla="*/ 451773 h 2703599"/>
              <a:gd name="connsiteX140" fmla="*/ 9823854 w 12191997"/>
              <a:gd name="connsiteY140" fmla="*/ 377929 h 2703599"/>
              <a:gd name="connsiteX141" fmla="*/ 9723643 w 12191997"/>
              <a:gd name="connsiteY141" fmla="*/ 355142 h 2703599"/>
              <a:gd name="connsiteX142" fmla="*/ 0 w 12191997"/>
              <a:gd name="connsiteY142" fmla="*/ 0 h 2703599"/>
              <a:gd name="connsiteX143" fmla="*/ 12191997 w 12191997"/>
              <a:gd name="connsiteY143" fmla="*/ 0 h 2703599"/>
              <a:gd name="connsiteX144" fmla="*/ 12191997 w 12191997"/>
              <a:gd name="connsiteY144" fmla="*/ 2703599 h 2703599"/>
              <a:gd name="connsiteX145" fmla="*/ 0 w 12191997"/>
              <a:gd name="connsiteY145" fmla="*/ 2703599 h 270359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</a:cxnLst>
            <a:rect l="l" t="t" r="r" b="b"/>
            <a:pathLst>
              <a:path w="12191997" h="2703599">
                <a:moveTo>
                  <a:pt x="11901903" y="528222"/>
                </a:moveTo>
                <a:lnTo>
                  <a:pt x="11788419" y="528562"/>
                </a:lnTo>
                <a:lnTo>
                  <a:pt x="11788419" y="690067"/>
                </a:lnTo>
                <a:lnTo>
                  <a:pt x="11808352" y="690067"/>
                </a:lnTo>
                <a:cubicBezTo>
                  <a:pt x="11865400" y="692814"/>
                  <a:pt x="11913863" y="648799"/>
                  <a:pt x="11916615" y="591757"/>
                </a:cubicBezTo>
                <a:cubicBezTo>
                  <a:pt x="11916762" y="588551"/>
                  <a:pt x="11916774" y="585339"/>
                  <a:pt x="11916627" y="582133"/>
                </a:cubicBezTo>
                <a:cubicBezTo>
                  <a:pt x="11916559" y="563178"/>
                  <a:pt x="11911485" y="544577"/>
                  <a:pt x="11901903" y="528222"/>
                </a:cubicBezTo>
                <a:close/>
                <a:moveTo>
                  <a:pt x="11680484" y="528222"/>
                </a:moveTo>
                <a:lnTo>
                  <a:pt x="11680484" y="690067"/>
                </a:lnTo>
                <a:lnTo>
                  <a:pt x="11778340" y="690067"/>
                </a:lnTo>
                <a:lnTo>
                  <a:pt x="11778340" y="528222"/>
                </a:lnTo>
                <a:close/>
                <a:moveTo>
                  <a:pt x="11625328" y="528222"/>
                </a:moveTo>
                <a:lnTo>
                  <a:pt x="11511957" y="528562"/>
                </a:lnTo>
                <a:lnTo>
                  <a:pt x="11511957" y="690067"/>
                </a:lnTo>
                <a:lnTo>
                  <a:pt x="11531777" y="690067"/>
                </a:lnTo>
                <a:cubicBezTo>
                  <a:pt x="11588825" y="692814"/>
                  <a:pt x="11637288" y="648799"/>
                  <a:pt x="11640040" y="591757"/>
                </a:cubicBezTo>
                <a:cubicBezTo>
                  <a:pt x="11640187" y="588551"/>
                  <a:pt x="11640199" y="585339"/>
                  <a:pt x="11640052" y="582133"/>
                </a:cubicBezTo>
                <a:cubicBezTo>
                  <a:pt x="11640040" y="563170"/>
                  <a:pt x="11634955" y="544556"/>
                  <a:pt x="11625328" y="528222"/>
                </a:cubicBezTo>
                <a:close/>
                <a:moveTo>
                  <a:pt x="11404023" y="528222"/>
                </a:moveTo>
                <a:lnTo>
                  <a:pt x="11404023" y="690067"/>
                </a:lnTo>
                <a:lnTo>
                  <a:pt x="11501878" y="690067"/>
                </a:lnTo>
                <a:lnTo>
                  <a:pt x="11501878" y="528222"/>
                </a:lnTo>
                <a:close/>
                <a:moveTo>
                  <a:pt x="11215109" y="528222"/>
                </a:moveTo>
                <a:lnTo>
                  <a:pt x="11215109" y="622565"/>
                </a:lnTo>
                <a:lnTo>
                  <a:pt x="11269133" y="622565"/>
                </a:lnTo>
                <a:lnTo>
                  <a:pt x="11292690" y="690067"/>
                </a:lnTo>
                <a:lnTo>
                  <a:pt x="11376954" y="690067"/>
                </a:lnTo>
                <a:lnTo>
                  <a:pt x="11319759" y="528222"/>
                </a:lnTo>
                <a:close/>
                <a:moveTo>
                  <a:pt x="11100379" y="528222"/>
                </a:moveTo>
                <a:lnTo>
                  <a:pt x="11043071" y="690067"/>
                </a:lnTo>
                <a:lnTo>
                  <a:pt x="11127448" y="690067"/>
                </a:lnTo>
                <a:lnTo>
                  <a:pt x="11151005" y="622565"/>
                </a:lnTo>
                <a:lnTo>
                  <a:pt x="11205029" y="622565"/>
                </a:lnTo>
                <a:lnTo>
                  <a:pt x="11205029" y="528222"/>
                </a:lnTo>
                <a:close/>
                <a:moveTo>
                  <a:pt x="9340585" y="417457"/>
                </a:moveTo>
                <a:lnTo>
                  <a:pt x="9399592" y="562539"/>
                </a:lnTo>
                <a:lnTo>
                  <a:pt x="9281465" y="562539"/>
                </a:lnTo>
                <a:lnTo>
                  <a:pt x="9340585" y="417683"/>
                </a:lnTo>
                <a:close/>
                <a:moveTo>
                  <a:pt x="9932921" y="362639"/>
                </a:moveTo>
                <a:cubicBezTo>
                  <a:pt x="9934280" y="362639"/>
                  <a:pt x="9932921" y="683612"/>
                  <a:pt x="9932921" y="683612"/>
                </a:cubicBezTo>
                <a:lnTo>
                  <a:pt x="10018883" y="683612"/>
                </a:lnTo>
                <a:lnTo>
                  <a:pt x="10018883" y="542606"/>
                </a:lnTo>
                <a:lnTo>
                  <a:pt x="10190808" y="542606"/>
                </a:lnTo>
                <a:lnTo>
                  <a:pt x="10190808" y="683612"/>
                </a:lnTo>
                <a:lnTo>
                  <a:pt x="10275525" y="683612"/>
                </a:lnTo>
                <a:lnTo>
                  <a:pt x="10275525" y="362639"/>
                </a:lnTo>
                <a:lnTo>
                  <a:pt x="10190808" y="362639"/>
                </a:lnTo>
                <a:cubicBezTo>
                  <a:pt x="10189449" y="362639"/>
                  <a:pt x="10190808" y="491527"/>
                  <a:pt x="10190808" y="491527"/>
                </a:cubicBezTo>
                <a:lnTo>
                  <a:pt x="10018883" y="491527"/>
                </a:lnTo>
                <a:lnTo>
                  <a:pt x="10018883" y="362639"/>
                </a:lnTo>
                <a:close/>
                <a:moveTo>
                  <a:pt x="9288147" y="362639"/>
                </a:moveTo>
                <a:lnTo>
                  <a:pt x="9137741" y="683612"/>
                </a:lnTo>
                <a:lnTo>
                  <a:pt x="9233104" y="683612"/>
                </a:lnTo>
                <a:lnTo>
                  <a:pt x="9259946" y="615657"/>
                </a:lnTo>
                <a:lnTo>
                  <a:pt x="9419752" y="615657"/>
                </a:lnTo>
                <a:lnTo>
                  <a:pt x="9447953" y="683612"/>
                </a:lnTo>
                <a:lnTo>
                  <a:pt x="9542070" y="683612"/>
                </a:lnTo>
                <a:lnTo>
                  <a:pt x="9391551" y="362639"/>
                </a:lnTo>
                <a:close/>
                <a:moveTo>
                  <a:pt x="8866376" y="362639"/>
                </a:moveTo>
                <a:lnTo>
                  <a:pt x="8866376" y="417683"/>
                </a:lnTo>
                <a:lnTo>
                  <a:pt x="8996396" y="417683"/>
                </a:lnTo>
                <a:lnTo>
                  <a:pt x="8996396" y="683612"/>
                </a:lnTo>
                <a:lnTo>
                  <a:pt x="9081225" y="683612"/>
                </a:lnTo>
                <a:lnTo>
                  <a:pt x="9081225" y="417683"/>
                </a:lnTo>
                <a:lnTo>
                  <a:pt x="9211585" y="417683"/>
                </a:lnTo>
                <a:lnTo>
                  <a:pt x="9211585" y="362639"/>
                </a:lnTo>
                <a:close/>
                <a:moveTo>
                  <a:pt x="10342687" y="362526"/>
                </a:moveTo>
                <a:lnTo>
                  <a:pt x="10342687" y="683612"/>
                </a:lnTo>
                <a:lnTo>
                  <a:pt x="10427290" y="683612"/>
                </a:lnTo>
                <a:lnTo>
                  <a:pt x="10427290" y="362526"/>
                </a:lnTo>
                <a:close/>
                <a:moveTo>
                  <a:pt x="8750853" y="362526"/>
                </a:moveTo>
                <a:lnTo>
                  <a:pt x="8750853" y="683612"/>
                </a:lnTo>
                <a:lnTo>
                  <a:pt x="8836815" y="683612"/>
                </a:lnTo>
                <a:lnTo>
                  <a:pt x="8836815" y="362526"/>
                </a:lnTo>
                <a:close/>
                <a:moveTo>
                  <a:pt x="8342446" y="362526"/>
                </a:moveTo>
                <a:lnTo>
                  <a:pt x="8342446" y="683612"/>
                </a:lnTo>
                <a:lnTo>
                  <a:pt x="8427049" y="683612"/>
                </a:lnTo>
                <a:lnTo>
                  <a:pt x="8427049" y="542606"/>
                </a:lnTo>
                <a:lnTo>
                  <a:pt x="8598974" y="542606"/>
                </a:lnTo>
                <a:lnTo>
                  <a:pt x="8598974" y="683612"/>
                </a:lnTo>
                <a:lnTo>
                  <a:pt x="8683691" y="683612"/>
                </a:lnTo>
                <a:lnTo>
                  <a:pt x="8683691" y="362526"/>
                </a:lnTo>
                <a:lnTo>
                  <a:pt x="8598974" y="362526"/>
                </a:lnTo>
                <a:lnTo>
                  <a:pt x="8598974" y="491527"/>
                </a:lnTo>
                <a:lnTo>
                  <a:pt x="8427049" y="491527"/>
                </a:lnTo>
                <a:lnTo>
                  <a:pt x="8427049" y="362526"/>
                </a:lnTo>
                <a:close/>
                <a:moveTo>
                  <a:pt x="11788419" y="356184"/>
                </a:moveTo>
                <a:lnTo>
                  <a:pt x="11788419" y="518029"/>
                </a:lnTo>
                <a:lnTo>
                  <a:pt x="11895109" y="518029"/>
                </a:lnTo>
                <a:cubicBezTo>
                  <a:pt x="11884814" y="504065"/>
                  <a:pt x="11871291" y="492797"/>
                  <a:pt x="11855695" y="485184"/>
                </a:cubicBezTo>
                <a:cubicBezTo>
                  <a:pt x="11874824" y="471978"/>
                  <a:pt x="11886263" y="450219"/>
                  <a:pt x="11886275" y="426970"/>
                </a:cubicBezTo>
                <a:cubicBezTo>
                  <a:pt x="11886275" y="386650"/>
                  <a:pt x="11858753" y="356184"/>
                  <a:pt x="11808352" y="356184"/>
                </a:cubicBezTo>
                <a:close/>
                <a:moveTo>
                  <a:pt x="11680484" y="356184"/>
                </a:moveTo>
                <a:lnTo>
                  <a:pt x="11680484" y="518029"/>
                </a:lnTo>
                <a:lnTo>
                  <a:pt x="11778340" y="518029"/>
                </a:lnTo>
                <a:lnTo>
                  <a:pt x="11778340" y="356184"/>
                </a:lnTo>
                <a:close/>
                <a:moveTo>
                  <a:pt x="11404023" y="356184"/>
                </a:moveTo>
                <a:lnTo>
                  <a:pt x="11404023" y="518029"/>
                </a:lnTo>
                <a:lnTo>
                  <a:pt x="11501878" y="518029"/>
                </a:lnTo>
                <a:lnTo>
                  <a:pt x="11501878" y="356184"/>
                </a:lnTo>
                <a:close/>
                <a:moveTo>
                  <a:pt x="11215109" y="356184"/>
                </a:moveTo>
                <a:lnTo>
                  <a:pt x="11215109" y="518029"/>
                </a:lnTo>
                <a:lnTo>
                  <a:pt x="11316136" y="518029"/>
                </a:lnTo>
                <a:lnTo>
                  <a:pt x="11258940" y="356184"/>
                </a:lnTo>
                <a:close/>
                <a:moveTo>
                  <a:pt x="11161200" y="356184"/>
                </a:moveTo>
                <a:lnTo>
                  <a:pt x="11103890" y="518029"/>
                </a:lnTo>
                <a:lnTo>
                  <a:pt x="11205030" y="518029"/>
                </a:lnTo>
                <a:lnTo>
                  <a:pt x="11205030" y="356184"/>
                </a:lnTo>
                <a:close/>
                <a:moveTo>
                  <a:pt x="11511957" y="355844"/>
                </a:moveTo>
                <a:lnTo>
                  <a:pt x="11511957" y="518029"/>
                </a:lnTo>
                <a:lnTo>
                  <a:pt x="11618533" y="518029"/>
                </a:lnTo>
                <a:cubicBezTo>
                  <a:pt x="11608250" y="504095"/>
                  <a:pt x="11594772" y="492831"/>
                  <a:pt x="11579233" y="485184"/>
                </a:cubicBezTo>
                <a:cubicBezTo>
                  <a:pt x="11598408" y="471872"/>
                  <a:pt x="11609801" y="449973"/>
                  <a:pt x="11609699" y="426630"/>
                </a:cubicBezTo>
                <a:cubicBezTo>
                  <a:pt x="11609699" y="386310"/>
                  <a:pt x="11582291" y="355844"/>
                  <a:pt x="11531777" y="355844"/>
                </a:cubicBezTo>
                <a:close/>
                <a:moveTo>
                  <a:pt x="9723643" y="355142"/>
                </a:moveTo>
                <a:cubicBezTo>
                  <a:pt x="9689392" y="354238"/>
                  <a:pt x="9654964" y="360041"/>
                  <a:pt x="9622369" y="372606"/>
                </a:cubicBezTo>
                <a:cubicBezTo>
                  <a:pt x="9592186" y="384144"/>
                  <a:pt x="9566692" y="405378"/>
                  <a:pt x="9549884" y="432972"/>
                </a:cubicBezTo>
                <a:cubicBezTo>
                  <a:pt x="9534210" y="461774"/>
                  <a:pt x="9526395" y="494195"/>
                  <a:pt x="9527233" y="526976"/>
                </a:cubicBezTo>
                <a:cubicBezTo>
                  <a:pt x="9527165" y="550171"/>
                  <a:pt x="9531276" y="573188"/>
                  <a:pt x="9539352" y="594930"/>
                </a:cubicBezTo>
                <a:lnTo>
                  <a:pt x="9538559" y="593911"/>
                </a:lnTo>
                <a:cubicBezTo>
                  <a:pt x="9552036" y="634230"/>
                  <a:pt x="9588279" y="663791"/>
                  <a:pt x="9629844" y="677268"/>
                </a:cubicBezTo>
                <a:cubicBezTo>
                  <a:pt x="9657751" y="685825"/>
                  <a:pt x="9686734" y="690326"/>
                  <a:pt x="9715920" y="690633"/>
                </a:cubicBezTo>
                <a:cubicBezTo>
                  <a:pt x="9753782" y="690751"/>
                  <a:pt x="9791270" y="683040"/>
                  <a:pt x="9826006" y="667981"/>
                </a:cubicBezTo>
                <a:cubicBezTo>
                  <a:pt x="9855544" y="655197"/>
                  <a:pt x="9877414" y="629348"/>
                  <a:pt x="9885127" y="598101"/>
                </a:cubicBezTo>
                <a:cubicBezTo>
                  <a:pt x="9887811" y="588015"/>
                  <a:pt x="9889181" y="577621"/>
                  <a:pt x="9889204" y="567182"/>
                </a:cubicBezTo>
                <a:lnTo>
                  <a:pt x="9798598" y="567182"/>
                </a:lnTo>
                <a:cubicBezTo>
                  <a:pt x="9799289" y="578891"/>
                  <a:pt x="9796990" y="590583"/>
                  <a:pt x="9791916" y="601159"/>
                </a:cubicBezTo>
                <a:cubicBezTo>
                  <a:pt x="9785143" y="617619"/>
                  <a:pt x="9771280" y="630117"/>
                  <a:pt x="9754201" y="635136"/>
                </a:cubicBezTo>
                <a:cubicBezTo>
                  <a:pt x="9741697" y="639480"/>
                  <a:pt x="9728582" y="641774"/>
                  <a:pt x="9715354" y="641932"/>
                </a:cubicBezTo>
                <a:cubicBezTo>
                  <a:pt x="9699951" y="641282"/>
                  <a:pt x="9684717" y="638539"/>
                  <a:pt x="9670051" y="633777"/>
                </a:cubicBezTo>
                <a:cubicBezTo>
                  <a:pt x="9648260" y="624183"/>
                  <a:pt x="9631724" y="605578"/>
                  <a:pt x="9624748" y="582811"/>
                </a:cubicBezTo>
                <a:cubicBezTo>
                  <a:pt x="9619459" y="564399"/>
                  <a:pt x="9616752" y="545340"/>
                  <a:pt x="9616706" y="526183"/>
                </a:cubicBezTo>
                <a:cubicBezTo>
                  <a:pt x="9616831" y="503331"/>
                  <a:pt x="9620648" y="480649"/>
                  <a:pt x="9628032" y="459021"/>
                </a:cubicBezTo>
                <a:cubicBezTo>
                  <a:pt x="9635473" y="436857"/>
                  <a:pt x="9652869" y="419460"/>
                  <a:pt x="9675034" y="412019"/>
                </a:cubicBezTo>
                <a:cubicBezTo>
                  <a:pt x="9688274" y="406660"/>
                  <a:pt x="9702431" y="403929"/>
                  <a:pt x="9716713" y="403978"/>
                </a:cubicBezTo>
                <a:cubicBezTo>
                  <a:pt x="9729364" y="404639"/>
                  <a:pt x="9741901" y="406729"/>
                  <a:pt x="9754088" y="410207"/>
                </a:cubicBezTo>
                <a:cubicBezTo>
                  <a:pt x="9772356" y="416237"/>
                  <a:pt x="9787057" y="429984"/>
                  <a:pt x="9794294" y="447809"/>
                </a:cubicBezTo>
                <a:cubicBezTo>
                  <a:pt x="9796967" y="455572"/>
                  <a:pt x="9798337" y="463722"/>
                  <a:pt x="9798371" y="471932"/>
                </a:cubicBezTo>
                <a:lnTo>
                  <a:pt x="9888411" y="471932"/>
                </a:lnTo>
                <a:lnTo>
                  <a:pt x="9884334" y="451773"/>
                </a:lnTo>
                <a:cubicBezTo>
                  <a:pt x="9877652" y="418657"/>
                  <a:pt x="9855000" y="391001"/>
                  <a:pt x="9823854" y="377929"/>
                </a:cubicBezTo>
                <a:cubicBezTo>
                  <a:pt x="9791967" y="363661"/>
                  <a:pt x="9757893" y="356047"/>
                  <a:pt x="9723643" y="355142"/>
                </a:cubicBezTo>
                <a:close/>
                <a:moveTo>
                  <a:pt x="0" y="0"/>
                </a:moveTo>
                <a:lnTo>
                  <a:pt x="12191997" y="0"/>
                </a:lnTo>
                <a:lnTo>
                  <a:pt x="12191997" y="2703599"/>
                </a:lnTo>
                <a:lnTo>
                  <a:pt x="0" y="2703599"/>
                </a:lnTo>
                <a:close/>
              </a:path>
            </a:pathLst>
          </a:custGeom>
          <a:noFill/>
          <a:ln>
            <a:noFill/>
          </a:ln>
        </p:spPr>
        <p:txBody>
          <a:bodyPr wrap="square" tIns="900000" anchor="ctr">
            <a:noAutofit/>
          </a:bodyPr>
          <a:lstStyle>
            <a:lvl1pPr algn="ctr">
              <a:defRPr sz="2000">
                <a:solidFill>
                  <a:schemeClr val="accent4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grpSp>
        <p:nvGrpSpPr>
          <p:cNvPr id="16" name="グループ化 39">
            <a:extLst>
              <a:ext uri="{FF2B5EF4-FFF2-40B4-BE49-F238E27FC236}">
                <a16:creationId xmlns:a16="http://schemas.microsoft.com/office/drawing/2014/main" id="{6809A62B-C3B4-4040-AF1D-DC2BF3BDB821}"/>
              </a:ext>
            </a:extLst>
          </p:cNvPr>
          <p:cNvGrpSpPr/>
          <p:nvPr userDrawn="1"/>
        </p:nvGrpSpPr>
        <p:grpSpPr bwMode="gray">
          <a:xfrm>
            <a:off x="0" y="2705093"/>
            <a:ext cx="12192000" cy="129984"/>
            <a:chOff x="324487" y="2057426"/>
            <a:chExt cx="8495663" cy="97488"/>
          </a:xfrm>
        </p:grpSpPr>
        <p:sp>
          <p:nvSpPr>
            <p:cNvPr id="17" name="正方形/長方形 11">
              <a:extLst>
                <a:ext uri="{FF2B5EF4-FFF2-40B4-BE49-F238E27FC236}">
                  <a16:creationId xmlns:a16="http://schemas.microsoft.com/office/drawing/2014/main" id="{DE7BDB25-5A30-4A34-ABFC-B07249D3BFFA}"/>
                </a:ext>
              </a:extLst>
            </p:cNvPr>
            <p:cNvSpPr>
              <a:spLocks noChangeArrowheads="1"/>
            </p:cNvSpPr>
            <p:nvPr/>
          </p:nvSpPr>
          <p:spPr bwMode="gray">
            <a:xfrm>
              <a:off x="324489" y="2057426"/>
              <a:ext cx="8495661" cy="97488"/>
            </a:xfrm>
            <a:prstGeom prst="rect">
              <a:avLst/>
            </a:prstGeom>
            <a:solidFill>
              <a:srgbClr val="73737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US" altLang="ja-JP" sz="4623" dirty="0"/>
            </a:p>
          </p:txBody>
        </p:sp>
        <p:grpSp>
          <p:nvGrpSpPr>
            <p:cNvPr id="18" name="グループ化 16">
              <a:extLst>
                <a:ext uri="{FF2B5EF4-FFF2-40B4-BE49-F238E27FC236}">
                  <a16:creationId xmlns:a16="http://schemas.microsoft.com/office/drawing/2014/main" id="{74096499-38D4-462C-8826-1DB8FC711C1A}"/>
                </a:ext>
              </a:extLst>
            </p:cNvPr>
            <p:cNvGrpSpPr/>
            <p:nvPr/>
          </p:nvGrpSpPr>
          <p:grpSpPr bwMode="gray">
            <a:xfrm>
              <a:off x="324487" y="2057426"/>
              <a:ext cx="1938812" cy="97488"/>
              <a:chOff x="312738" y="2747963"/>
              <a:chExt cx="1970087" cy="109537"/>
            </a:xfrm>
          </p:grpSpPr>
          <p:sp>
            <p:nvSpPr>
              <p:cNvPr id="19" name="正方形/長方形 42">
                <a:extLst>
                  <a:ext uri="{FF2B5EF4-FFF2-40B4-BE49-F238E27FC236}">
                    <a16:creationId xmlns:a16="http://schemas.microsoft.com/office/drawing/2014/main" id="{177D7250-BABC-4571-82D6-043E996D9DB0}"/>
                  </a:ext>
                </a:extLst>
              </p:cNvPr>
              <p:cNvSpPr/>
              <p:nvPr/>
            </p:nvSpPr>
            <p:spPr bwMode="gray">
              <a:xfrm>
                <a:off x="312738" y="2747963"/>
                <a:ext cx="1970087" cy="109537"/>
              </a:xfrm>
              <a:prstGeom prst="rect">
                <a:avLst/>
              </a:prstGeom>
              <a:solidFill>
                <a:srgbClr val="FF0026"/>
              </a:solidFill>
              <a:ln w="9525">
                <a:noFill/>
                <a:miter lim="800000"/>
                <a:headEnd/>
                <a:tailEnd/>
              </a:ln>
              <a:effectLst/>
            </p:spPr>
            <p:txBody>
              <a:bodyPr wrap="none" anchor="ctr"/>
              <a:lstStyle/>
              <a:p>
                <a:pPr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kumimoji="0" lang="en-US" altLang="ja-JP" sz="2400" kern="0" dirty="0">
                  <a:solidFill>
                    <a:sysClr val="windowText" lastClr="000000"/>
                  </a:solidFill>
                </a:endParaRPr>
              </a:p>
            </p:txBody>
          </p:sp>
          <p:sp>
            <p:nvSpPr>
              <p:cNvPr id="20" name="正方形/長方形 43">
                <a:extLst>
                  <a:ext uri="{FF2B5EF4-FFF2-40B4-BE49-F238E27FC236}">
                    <a16:creationId xmlns:a16="http://schemas.microsoft.com/office/drawing/2014/main" id="{BFDA5A74-11DA-4E7F-9508-F12960D3B74E}"/>
                  </a:ext>
                </a:extLst>
              </p:cNvPr>
              <p:cNvSpPr/>
              <p:nvPr/>
            </p:nvSpPr>
            <p:spPr bwMode="gray">
              <a:xfrm>
                <a:off x="312738" y="2747963"/>
                <a:ext cx="985837" cy="109537"/>
              </a:xfrm>
              <a:prstGeom prst="rect">
                <a:avLst/>
              </a:prstGeom>
              <a:solidFill>
                <a:srgbClr val="B3B3B3"/>
              </a:solidFill>
              <a:ln w="9525">
                <a:noFill/>
                <a:miter lim="800000"/>
                <a:headEnd/>
                <a:tailEnd/>
              </a:ln>
              <a:effectLst/>
            </p:spPr>
            <p:txBody>
              <a:bodyPr wrap="none" anchor="ctr"/>
              <a:lstStyle/>
              <a:p>
                <a:pPr algn="l"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kumimoji="0" lang="en-US" altLang="ja-JP" sz="2400" kern="0" dirty="0">
                  <a:solidFill>
                    <a:sysClr val="windowText" lastClr="000000"/>
                  </a:solidFill>
                </a:endParaRPr>
              </a:p>
            </p:txBody>
          </p:sp>
        </p:grpSp>
      </p:grpSp>
      <p:pic>
        <p:nvPicPr>
          <p:cNvPr id="22" name="Graphic 21">
            <a:extLst>
              <a:ext uri="{FF2B5EF4-FFF2-40B4-BE49-F238E27FC236}">
                <a16:creationId xmlns:a16="http://schemas.microsoft.com/office/drawing/2014/main" id="{75773FFC-E571-491A-B1AC-1CAA3A3CC67B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8101664" y="41555"/>
            <a:ext cx="4054618" cy="962688"/>
          </a:xfrm>
          <a:prstGeom prst="rect">
            <a:avLst/>
          </a:prstGeom>
        </p:spPr>
      </p:pic>
      <p:sp>
        <p:nvSpPr>
          <p:cNvPr id="24" name="TextBox 23">
            <a:extLst>
              <a:ext uri="{FF2B5EF4-FFF2-40B4-BE49-F238E27FC236}">
                <a16:creationId xmlns:a16="http://schemas.microsoft.com/office/drawing/2014/main" id="{216765B2-1E0B-4801-837D-638B104A1BE3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C335698-AD40-4284-9146-56895C16638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3815D6C-0C71-4C18-998E-2E308A2ABC6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C24EC536-6FE3-4540-8D85-74C58F0BF69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4" name="text" descr="{&#10; &quot;SkabelonDesign&quot;: {&#10; &quot;textualValue&quot;: &quot;&lt;key1/&gt;&quot;,&#10; &quot;bindingCollection&quot;: {&#10; &quot;key1&quot;: {&quot;SkabelonDesign&quot;:{&quot;type&quot;:&quot;Text&quot;,&quot;binding&quot;:&quot;Copyright&quot;}}&#10; }&#10; }&#10;}">
            <a:extLst>
              <a:ext uri="{FF2B5EF4-FFF2-40B4-BE49-F238E27FC236}">
                <a16:creationId xmlns:a16="http://schemas.microsoft.com/office/drawing/2014/main" id="{3DA6F311-81A1-433A-87C5-CB6DA321B03F}"/>
              </a:ext>
            </a:extLst>
          </p:cNvPr>
          <p:cNvSpPr txBox="1"/>
          <p:nvPr userDrawn="1"/>
        </p:nvSpPr>
        <p:spPr bwMode="gray">
          <a:xfrm>
            <a:off x="9384507" y="6604001"/>
            <a:ext cx="2160000" cy="224432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 anchor="ctr">
            <a:noAutofit/>
          </a:bodyPr>
          <a:lstStyle/>
          <a:p>
            <a:pPr marL="0" marR="0" lvl="0" indent="0" algn="l" defTabSz="914491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730" b="0" i="0" u="none" strike="noStrike" kern="1200" cap="none" spc="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© Hitachi ABB Power Grids 2020. All rights reserved</a:t>
            </a:r>
            <a:endParaRPr kumimoji="0" lang="en-US" sz="73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12" name="text" descr="{&#10; &quot;SkabelonDesign&quot;: {&#10; &quot;textualValue&quot;: &quot;&lt;key1/&gt;&quot;,&#10; &quot;bindingCollection&quot;: {&#10; &quot;key1&quot;: {&quot;SkabelonDesign&quot;:{&quot;type&quot;:&quot;Text&quot;,&quot;binding&quot;:&quot;Title&quot;}}&#10; }&#10; }&#10;}">
            <a:extLst>
              <a:ext uri="{FF2B5EF4-FFF2-40B4-BE49-F238E27FC236}">
                <a16:creationId xmlns:a16="http://schemas.microsoft.com/office/drawing/2014/main" id="{B0139E80-E322-4345-9A95-8710FF291980}"/>
              </a:ext>
            </a:extLst>
          </p:cNvPr>
          <p:cNvSpPr/>
          <p:nvPr userDrawn="1"/>
        </p:nvSpPr>
        <p:spPr bwMode="gray">
          <a:xfrm>
            <a:off x="1369197" y="3061516"/>
            <a:ext cx="10537200" cy="572286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r>
              <a:rPr lang="en-US" sz="2800" b="1">
                <a:solidFill>
                  <a:schemeClr val="tx1"/>
                </a:solidFill>
              </a:rPr>
              <a:t>Monthly_HR_Center_Report_TEMPLATE</a:t>
            </a:r>
            <a:endParaRPr lang="da-DK" sz="2800" b="1" dirty="0">
              <a:solidFill>
                <a:schemeClr val="tx1"/>
              </a:solidFill>
            </a:endParaRPr>
          </a:p>
        </p:txBody>
      </p:sp>
      <p:sp>
        <p:nvSpPr>
          <p:cNvPr id="13" name="text" descr="{&#10; &quot;SkabelonDesign&quot;: {&#10; &quot;textualValue&quot;: &quot;&lt;key1/&gt;&quot;,&#10; &quot;bindingCollection&quot;: {&#10; &quot;key1&quot;: {&quot;SkabelonDesign&quot;:{&quot;type&quot;:&quot;Text&quot;,&quot;binding&quot;:&quot;SupplementaryTitle&quot;}}&#10; }&#10; }&#10;}">
            <a:extLst>
              <a:ext uri="{FF2B5EF4-FFF2-40B4-BE49-F238E27FC236}">
                <a16:creationId xmlns:a16="http://schemas.microsoft.com/office/drawing/2014/main" id="{0C632105-07B4-4E7B-B79C-851553456AB8}"/>
              </a:ext>
            </a:extLst>
          </p:cNvPr>
          <p:cNvSpPr/>
          <p:nvPr userDrawn="1"/>
        </p:nvSpPr>
        <p:spPr bwMode="gray">
          <a:xfrm>
            <a:off x="1368404" y="3653232"/>
            <a:ext cx="10542162" cy="40043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endParaRPr lang="da-DK" sz="2000" b="0" dirty="0">
              <a:solidFill>
                <a:schemeClr val="tx1"/>
              </a:solidFill>
            </a:endParaRPr>
          </a:p>
        </p:txBody>
      </p:sp>
      <p:sp>
        <p:nvSpPr>
          <p:cNvPr id="35" name="text" descr="{&#10; &quot;SkabelonDesign&quot;: {&#10; &quot;textualValue&quot;: &quot;&lt;key1/&gt;&quot;,&#10; &quot;bindingCollection&quot;: {&#10; &quot;key1&quot;: {&quot;SkabelonDesign&quot;:{&quot;type&quot;:&quot;Text&quot;,&quot;binding&quot;:&quot;PPMetadata&quot;}}&#10; }&#10; }&#10;}">
            <a:extLst>
              <a:ext uri="{FF2B5EF4-FFF2-40B4-BE49-F238E27FC236}">
                <a16:creationId xmlns:a16="http://schemas.microsoft.com/office/drawing/2014/main" id="{5B0B4CF5-EC55-4DB1-8F0A-252E0E8CE420}"/>
              </a:ext>
            </a:extLst>
          </p:cNvPr>
          <p:cNvSpPr txBox="1"/>
          <p:nvPr userDrawn="1"/>
        </p:nvSpPr>
        <p:spPr bwMode="gray">
          <a:xfrm>
            <a:off x="1365279" y="6639725"/>
            <a:ext cx="3431478" cy="154949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pl-PL" sz="930">
                <a:solidFill>
                  <a:schemeClr val="tx1"/>
                </a:solidFill>
              </a:rPr>
              <a:t>2020-07-29</a:t>
            </a:r>
            <a:endParaRPr lang="pl-PL" sz="930" dirty="0">
              <a:solidFill>
                <a:schemeClr val="tx1"/>
              </a:solidFill>
            </a:endParaRPr>
          </a:p>
        </p:txBody>
      </p:sp>
      <p:sp>
        <p:nvSpPr>
          <p:cNvPr id="2" name="Text Box 13">
            <a:extLst>
              <a:ext uri="{FF2B5EF4-FFF2-40B4-BE49-F238E27FC236}">
                <a16:creationId xmlns:a16="http://schemas.microsoft.com/office/drawing/2014/main" id="{737E5FAD-1D90-4473-AC5A-E5F23D71DB7E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1372422" y="6438755"/>
            <a:ext cx="3424335" cy="261610"/>
          </a:xfrm>
          <a:prstGeom prst="rect">
            <a:avLst/>
          </a:prstGeom>
          <a:noFill/>
          <a:ln w="25400">
            <a:noFill/>
            <a:miter lim="800000"/>
            <a:headEnd/>
            <a:tailEnd/>
          </a:ln>
        </p:spPr>
        <p:txBody>
          <a:bodyPr wrap="none" lIns="0" tIns="0" rIns="0" bIns="0">
            <a:noAutofit/>
          </a:bodyPr>
          <a:lstStyle/>
          <a:p>
            <a:pPr algn="ctr">
              <a:spcBef>
                <a:spcPct val="50000"/>
              </a:spcBef>
              <a:defRPr/>
            </a:pPr>
            <a:r>
              <a:rPr kumimoji="0" lang="en-US" altLang="ja-JP" sz="1170" b="1" dirty="0">
                <a:solidFill>
                  <a:schemeClr val="tx1"/>
                </a:solidFill>
                <a:latin typeface="Arial" charset="0"/>
                <a:ea typeface="Arial" pitchFamily="34" charset="0"/>
              </a:rPr>
              <a:t>POWERING GOOD FOR SUSTAINABLE ENERGY</a:t>
            </a:r>
          </a:p>
        </p:txBody>
      </p:sp>
      <p:pic>
        <p:nvPicPr>
          <p:cNvPr id="7" name="Confidential" hidden="1">
            <a:extLst>
              <a:ext uri="{FF2B5EF4-FFF2-40B4-BE49-F238E27FC236}">
                <a16:creationId xmlns:a16="http://schemas.microsoft.com/office/drawing/2014/main" id="{5400EBF5-6B37-4F09-9C6C-F10AF0EBA464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277200" y="345600"/>
            <a:ext cx="1671890" cy="266400"/>
          </a:xfrm>
          <a:prstGeom prst="rect">
            <a:avLst/>
          </a:prstGeom>
        </p:spPr>
      </p:pic>
      <p:pic>
        <p:nvPicPr>
          <p:cNvPr id="15" name="Public" hidden="1">
            <a:extLst>
              <a:ext uri="{FF2B5EF4-FFF2-40B4-BE49-F238E27FC236}">
                <a16:creationId xmlns:a16="http://schemas.microsoft.com/office/drawing/2014/main" id="{AB30B44C-1FAC-42B1-91D5-52C0DDB28E02}"/>
              </a:ext>
            </a:extLst>
          </p:cNvPr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275718" y="345600"/>
            <a:ext cx="1671890" cy="266400"/>
          </a:xfrm>
          <a:prstGeom prst="rect">
            <a:avLst/>
          </a:prstGeom>
        </p:spPr>
      </p:pic>
      <p:pic>
        <p:nvPicPr>
          <p:cNvPr id="23" name="Internal">
            <a:extLst>
              <a:ext uri="{FF2B5EF4-FFF2-40B4-BE49-F238E27FC236}">
                <a16:creationId xmlns:a16="http://schemas.microsoft.com/office/drawing/2014/main" id="{58075DE1-77CF-4415-AE87-8C01A84C3E40}"/>
              </a:ext>
            </a:extLst>
          </p:cNvPr>
          <p:cNvPicPr>
            <a:picLocks noChangeAspect="1"/>
          </p:cNvPicPr>
          <p:nvPr userDrawn="1"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275718" y="344152"/>
            <a:ext cx="1671890" cy="266400"/>
          </a:xfrm>
          <a:prstGeom prst="rect">
            <a:avLst/>
          </a:prstGeom>
        </p:spPr>
      </p:pic>
      <p:pic>
        <p:nvPicPr>
          <p:cNvPr id="28" name="Strictly" hidden="1">
            <a:extLst>
              <a:ext uri="{FF2B5EF4-FFF2-40B4-BE49-F238E27FC236}">
                <a16:creationId xmlns:a16="http://schemas.microsoft.com/office/drawing/2014/main" id="{9AC1ADDA-FB08-4CB7-975F-8B02766198B4}"/>
              </a:ext>
            </a:extLst>
          </p:cNvPr>
          <p:cNvPicPr>
            <a:picLocks noChangeAspect="1"/>
          </p:cNvPicPr>
          <p:nvPr userDrawn="1"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1"/>
              </a:ext>
            </a:extLst>
          </a:blip>
          <a:stretch>
            <a:fillRect/>
          </a:stretch>
        </p:blipFill>
        <p:spPr>
          <a:xfrm>
            <a:off x="277200" y="345600"/>
            <a:ext cx="1671890" cy="266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174828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03_Cover Slide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6" name="Picture Placeholder 55">
            <a:extLst>
              <a:ext uri="{FF2B5EF4-FFF2-40B4-BE49-F238E27FC236}">
                <a16:creationId xmlns:a16="http://schemas.microsoft.com/office/drawing/2014/main" id="{F6E30BC1-8BFA-47DB-9F4D-44BD42630377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4" y="2"/>
            <a:ext cx="12191997" cy="4738687"/>
          </a:xfrm>
          <a:custGeom>
            <a:avLst/>
            <a:gdLst>
              <a:gd name="connsiteX0" fmla="*/ 11680484 w 12191997"/>
              <a:gd name="connsiteY0" fmla="*/ 528222 h 4738687"/>
              <a:gd name="connsiteX1" fmla="*/ 11680484 w 12191997"/>
              <a:gd name="connsiteY1" fmla="*/ 690067 h 4738687"/>
              <a:gd name="connsiteX2" fmla="*/ 11778340 w 12191997"/>
              <a:gd name="connsiteY2" fmla="*/ 690067 h 4738687"/>
              <a:gd name="connsiteX3" fmla="*/ 11778340 w 12191997"/>
              <a:gd name="connsiteY3" fmla="*/ 528222 h 4738687"/>
              <a:gd name="connsiteX4" fmla="*/ 11901903 w 12191997"/>
              <a:gd name="connsiteY4" fmla="*/ 528222 h 4738687"/>
              <a:gd name="connsiteX5" fmla="*/ 11788419 w 12191997"/>
              <a:gd name="connsiteY5" fmla="*/ 528562 h 4738687"/>
              <a:gd name="connsiteX6" fmla="*/ 11788419 w 12191997"/>
              <a:gd name="connsiteY6" fmla="*/ 690067 h 4738687"/>
              <a:gd name="connsiteX7" fmla="*/ 11808352 w 12191997"/>
              <a:gd name="connsiteY7" fmla="*/ 690067 h 4738687"/>
              <a:gd name="connsiteX8" fmla="*/ 11916615 w 12191997"/>
              <a:gd name="connsiteY8" fmla="*/ 591757 h 4738687"/>
              <a:gd name="connsiteX9" fmla="*/ 11916627 w 12191997"/>
              <a:gd name="connsiteY9" fmla="*/ 582133 h 4738687"/>
              <a:gd name="connsiteX10" fmla="*/ 11901903 w 12191997"/>
              <a:gd name="connsiteY10" fmla="*/ 528222 h 4738687"/>
              <a:gd name="connsiteX11" fmla="*/ 11100379 w 12191997"/>
              <a:gd name="connsiteY11" fmla="*/ 528222 h 4738687"/>
              <a:gd name="connsiteX12" fmla="*/ 11043071 w 12191997"/>
              <a:gd name="connsiteY12" fmla="*/ 690067 h 4738687"/>
              <a:gd name="connsiteX13" fmla="*/ 11127448 w 12191997"/>
              <a:gd name="connsiteY13" fmla="*/ 690067 h 4738687"/>
              <a:gd name="connsiteX14" fmla="*/ 11151005 w 12191997"/>
              <a:gd name="connsiteY14" fmla="*/ 622565 h 4738687"/>
              <a:gd name="connsiteX15" fmla="*/ 11205029 w 12191997"/>
              <a:gd name="connsiteY15" fmla="*/ 622565 h 4738687"/>
              <a:gd name="connsiteX16" fmla="*/ 11205029 w 12191997"/>
              <a:gd name="connsiteY16" fmla="*/ 528222 h 4738687"/>
              <a:gd name="connsiteX17" fmla="*/ 11215109 w 12191997"/>
              <a:gd name="connsiteY17" fmla="*/ 528222 h 4738687"/>
              <a:gd name="connsiteX18" fmla="*/ 11215109 w 12191997"/>
              <a:gd name="connsiteY18" fmla="*/ 622565 h 4738687"/>
              <a:gd name="connsiteX19" fmla="*/ 11269133 w 12191997"/>
              <a:gd name="connsiteY19" fmla="*/ 622565 h 4738687"/>
              <a:gd name="connsiteX20" fmla="*/ 11292690 w 12191997"/>
              <a:gd name="connsiteY20" fmla="*/ 690067 h 4738687"/>
              <a:gd name="connsiteX21" fmla="*/ 11376954 w 12191997"/>
              <a:gd name="connsiteY21" fmla="*/ 690067 h 4738687"/>
              <a:gd name="connsiteX22" fmla="*/ 11319759 w 12191997"/>
              <a:gd name="connsiteY22" fmla="*/ 528222 h 4738687"/>
              <a:gd name="connsiteX23" fmla="*/ 11625328 w 12191997"/>
              <a:gd name="connsiteY23" fmla="*/ 528222 h 4738687"/>
              <a:gd name="connsiteX24" fmla="*/ 11511957 w 12191997"/>
              <a:gd name="connsiteY24" fmla="*/ 528562 h 4738687"/>
              <a:gd name="connsiteX25" fmla="*/ 11511957 w 12191997"/>
              <a:gd name="connsiteY25" fmla="*/ 690067 h 4738687"/>
              <a:gd name="connsiteX26" fmla="*/ 11531777 w 12191997"/>
              <a:gd name="connsiteY26" fmla="*/ 690067 h 4738687"/>
              <a:gd name="connsiteX27" fmla="*/ 11640040 w 12191997"/>
              <a:gd name="connsiteY27" fmla="*/ 591757 h 4738687"/>
              <a:gd name="connsiteX28" fmla="*/ 11640052 w 12191997"/>
              <a:gd name="connsiteY28" fmla="*/ 582133 h 4738687"/>
              <a:gd name="connsiteX29" fmla="*/ 11625328 w 12191997"/>
              <a:gd name="connsiteY29" fmla="*/ 528222 h 4738687"/>
              <a:gd name="connsiteX30" fmla="*/ 11404023 w 12191997"/>
              <a:gd name="connsiteY30" fmla="*/ 528222 h 4738687"/>
              <a:gd name="connsiteX31" fmla="*/ 11404023 w 12191997"/>
              <a:gd name="connsiteY31" fmla="*/ 690067 h 4738687"/>
              <a:gd name="connsiteX32" fmla="*/ 11501878 w 12191997"/>
              <a:gd name="connsiteY32" fmla="*/ 690067 h 4738687"/>
              <a:gd name="connsiteX33" fmla="*/ 11501878 w 12191997"/>
              <a:gd name="connsiteY33" fmla="*/ 528222 h 4738687"/>
              <a:gd name="connsiteX34" fmla="*/ 9340585 w 12191997"/>
              <a:gd name="connsiteY34" fmla="*/ 417457 h 4738687"/>
              <a:gd name="connsiteX35" fmla="*/ 9399592 w 12191997"/>
              <a:gd name="connsiteY35" fmla="*/ 562539 h 4738687"/>
              <a:gd name="connsiteX36" fmla="*/ 9281465 w 12191997"/>
              <a:gd name="connsiteY36" fmla="*/ 562539 h 4738687"/>
              <a:gd name="connsiteX37" fmla="*/ 9340585 w 12191997"/>
              <a:gd name="connsiteY37" fmla="*/ 417683 h 4738687"/>
              <a:gd name="connsiteX38" fmla="*/ 9932921 w 12191997"/>
              <a:gd name="connsiteY38" fmla="*/ 362639 h 4738687"/>
              <a:gd name="connsiteX39" fmla="*/ 9932921 w 12191997"/>
              <a:gd name="connsiteY39" fmla="*/ 683612 h 4738687"/>
              <a:gd name="connsiteX40" fmla="*/ 10018883 w 12191997"/>
              <a:gd name="connsiteY40" fmla="*/ 683612 h 4738687"/>
              <a:gd name="connsiteX41" fmla="*/ 10018883 w 12191997"/>
              <a:gd name="connsiteY41" fmla="*/ 542606 h 4738687"/>
              <a:gd name="connsiteX42" fmla="*/ 10190808 w 12191997"/>
              <a:gd name="connsiteY42" fmla="*/ 542606 h 4738687"/>
              <a:gd name="connsiteX43" fmla="*/ 10190808 w 12191997"/>
              <a:gd name="connsiteY43" fmla="*/ 683612 h 4738687"/>
              <a:gd name="connsiteX44" fmla="*/ 10275525 w 12191997"/>
              <a:gd name="connsiteY44" fmla="*/ 683612 h 4738687"/>
              <a:gd name="connsiteX45" fmla="*/ 10275525 w 12191997"/>
              <a:gd name="connsiteY45" fmla="*/ 362639 h 4738687"/>
              <a:gd name="connsiteX46" fmla="*/ 10190808 w 12191997"/>
              <a:gd name="connsiteY46" fmla="*/ 362639 h 4738687"/>
              <a:gd name="connsiteX47" fmla="*/ 10190808 w 12191997"/>
              <a:gd name="connsiteY47" fmla="*/ 491527 h 4738687"/>
              <a:gd name="connsiteX48" fmla="*/ 10018883 w 12191997"/>
              <a:gd name="connsiteY48" fmla="*/ 491527 h 4738687"/>
              <a:gd name="connsiteX49" fmla="*/ 10018883 w 12191997"/>
              <a:gd name="connsiteY49" fmla="*/ 362639 h 4738687"/>
              <a:gd name="connsiteX50" fmla="*/ 8866376 w 12191997"/>
              <a:gd name="connsiteY50" fmla="*/ 362639 h 4738687"/>
              <a:gd name="connsiteX51" fmla="*/ 8866376 w 12191997"/>
              <a:gd name="connsiteY51" fmla="*/ 417683 h 4738687"/>
              <a:gd name="connsiteX52" fmla="*/ 8996396 w 12191997"/>
              <a:gd name="connsiteY52" fmla="*/ 417683 h 4738687"/>
              <a:gd name="connsiteX53" fmla="*/ 8996396 w 12191997"/>
              <a:gd name="connsiteY53" fmla="*/ 683612 h 4738687"/>
              <a:gd name="connsiteX54" fmla="*/ 9081225 w 12191997"/>
              <a:gd name="connsiteY54" fmla="*/ 683612 h 4738687"/>
              <a:gd name="connsiteX55" fmla="*/ 9081225 w 12191997"/>
              <a:gd name="connsiteY55" fmla="*/ 417683 h 4738687"/>
              <a:gd name="connsiteX56" fmla="*/ 9211585 w 12191997"/>
              <a:gd name="connsiteY56" fmla="*/ 417683 h 4738687"/>
              <a:gd name="connsiteX57" fmla="*/ 9211585 w 12191997"/>
              <a:gd name="connsiteY57" fmla="*/ 362639 h 4738687"/>
              <a:gd name="connsiteX58" fmla="*/ 9288147 w 12191997"/>
              <a:gd name="connsiteY58" fmla="*/ 362639 h 4738687"/>
              <a:gd name="connsiteX59" fmla="*/ 9137741 w 12191997"/>
              <a:gd name="connsiteY59" fmla="*/ 683612 h 4738687"/>
              <a:gd name="connsiteX60" fmla="*/ 9233104 w 12191997"/>
              <a:gd name="connsiteY60" fmla="*/ 683612 h 4738687"/>
              <a:gd name="connsiteX61" fmla="*/ 9259946 w 12191997"/>
              <a:gd name="connsiteY61" fmla="*/ 615657 h 4738687"/>
              <a:gd name="connsiteX62" fmla="*/ 9419752 w 12191997"/>
              <a:gd name="connsiteY62" fmla="*/ 615657 h 4738687"/>
              <a:gd name="connsiteX63" fmla="*/ 9447953 w 12191997"/>
              <a:gd name="connsiteY63" fmla="*/ 683612 h 4738687"/>
              <a:gd name="connsiteX64" fmla="*/ 9542070 w 12191997"/>
              <a:gd name="connsiteY64" fmla="*/ 683612 h 4738687"/>
              <a:gd name="connsiteX65" fmla="*/ 9391551 w 12191997"/>
              <a:gd name="connsiteY65" fmla="*/ 362639 h 4738687"/>
              <a:gd name="connsiteX66" fmla="*/ 10342687 w 12191997"/>
              <a:gd name="connsiteY66" fmla="*/ 362526 h 4738687"/>
              <a:gd name="connsiteX67" fmla="*/ 10342687 w 12191997"/>
              <a:gd name="connsiteY67" fmla="*/ 683612 h 4738687"/>
              <a:gd name="connsiteX68" fmla="*/ 10427290 w 12191997"/>
              <a:gd name="connsiteY68" fmla="*/ 683612 h 4738687"/>
              <a:gd name="connsiteX69" fmla="*/ 10427290 w 12191997"/>
              <a:gd name="connsiteY69" fmla="*/ 362526 h 4738687"/>
              <a:gd name="connsiteX70" fmla="*/ 8342446 w 12191997"/>
              <a:gd name="connsiteY70" fmla="*/ 362526 h 4738687"/>
              <a:gd name="connsiteX71" fmla="*/ 8342446 w 12191997"/>
              <a:gd name="connsiteY71" fmla="*/ 683612 h 4738687"/>
              <a:gd name="connsiteX72" fmla="*/ 8427049 w 12191997"/>
              <a:gd name="connsiteY72" fmla="*/ 683612 h 4738687"/>
              <a:gd name="connsiteX73" fmla="*/ 8427049 w 12191997"/>
              <a:gd name="connsiteY73" fmla="*/ 542606 h 4738687"/>
              <a:gd name="connsiteX74" fmla="*/ 8598974 w 12191997"/>
              <a:gd name="connsiteY74" fmla="*/ 542606 h 4738687"/>
              <a:gd name="connsiteX75" fmla="*/ 8598974 w 12191997"/>
              <a:gd name="connsiteY75" fmla="*/ 683612 h 4738687"/>
              <a:gd name="connsiteX76" fmla="*/ 8683691 w 12191997"/>
              <a:gd name="connsiteY76" fmla="*/ 683612 h 4738687"/>
              <a:gd name="connsiteX77" fmla="*/ 8683691 w 12191997"/>
              <a:gd name="connsiteY77" fmla="*/ 362526 h 4738687"/>
              <a:gd name="connsiteX78" fmla="*/ 8598974 w 12191997"/>
              <a:gd name="connsiteY78" fmla="*/ 362526 h 4738687"/>
              <a:gd name="connsiteX79" fmla="*/ 8598974 w 12191997"/>
              <a:gd name="connsiteY79" fmla="*/ 491527 h 4738687"/>
              <a:gd name="connsiteX80" fmla="*/ 8427049 w 12191997"/>
              <a:gd name="connsiteY80" fmla="*/ 491527 h 4738687"/>
              <a:gd name="connsiteX81" fmla="*/ 8427049 w 12191997"/>
              <a:gd name="connsiteY81" fmla="*/ 362526 h 4738687"/>
              <a:gd name="connsiteX82" fmla="*/ 8750853 w 12191997"/>
              <a:gd name="connsiteY82" fmla="*/ 362526 h 4738687"/>
              <a:gd name="connsiteX83" fmla="*/ 8750853 w 12191997"/>
              <a:gd name="connsiteY83" fmla="*/ 683612 h 4738687"/>
              <a:gd name="connsiteX84" fmla="*/ 8836815 w 12191997"/>
              <a:gd name="connsiteY84" fmla="*/ 683612 h 4738687"/>
              <a:gd name="connsiteX85" fmla="*/ 8836815 w 12191997"/>
              <a:gd name="connsiteY85" fmla="*/ 362526 h 4738687"/>
              <a:gd name="connsiteX86" fmla="*/ 11788419 w 12191997"/>
              <a:gd name="connsiteY86" fmla="*/ 356184 h 4738687"/>
              <a:gd name="connsiteX87" fmla="*/ 11788419 w 12191997"/>
              <a:gd name="connsiteY87" fmla="*/ 518029 h 4738687"/>
              <a:gd name="connsiteX88" fmla="*/ 11895109 w 12191997"/>
              <a:gd name="connsiteY88" fmla="*/ 518029 h 4738687"/>
              <a:gd name="connsiteX89" fmla="*/ 11855695 w 12191997"/>
              <a:gd name="connsiteY89" fmla="*/ 485184 h 4738687"/>
              <a:gd name="connsiteX90" fmla="*/ 11886275 w 12191997"/>
              <a:gd name="connsiteY90" fmla="*/ 426970 h 4738687"/>
              <a:gd name="connsiteX91" fmla="*/ 11808352 w 12191997"/>
              <a:gd name="connsiteY91" fmla="*/ 356184 h 4738687"/>
              <a:gd name="connsiteX92" fmla="*/ 11680484 w 12191997"/>
              <a:gd name="connsiteY92" fmla="*/ 356184 h 4738687"/>
              <a:gd name="connsiteX93" fmla="*/ 11680484 w 12191997"/>
              <a:gd name="connsiteY93" fmla="*/ 518029 h 4738687"/>
              <a:gd name="connsiteX94" fmla="*/ 11778340 w 12191997"/>
              <a:gd name="connsiteY94" fmla="*/ 518029 h 4738687"/>
              <a:gd name="connsiteX95" fmla="*/ 11778340 w 12191997"/>
              <a:gd name="connsiteY95" fmla="*/ 356184 h 4738687"/>
              <a:gd name="connsiteX96" fmla="*/ 11215109 w 12191997"/>
              <a:gd name="connsiteY96" fmla="*/ 356184 h 4738687"/>
              <a:gd name="connsiteX97" fmla="*/ 11215109 w 12191997"/>
              <a:gd name="connsiteY97" fmla="*/ 518029 h 4738687"/>
              <a:gd name="connsiteX98" fmla="*/ 11316136 w 12191997"/>
              <a:gd name="connsiteY98" fmla="*/ 518029 h 4738687"/>
              <a:gd name="connsiteX99" fmla="*/ 11258940 w 12191997"/>
              <a:gd name="connsiteY99" fmla="*/ 356184 h 4738687"/>
              <a:gd name="connsiteX100" fmla="*/ 11161200 w 12191997"/>
              <a:gd name="connsiteY100" fmla="*/ 356184 h 4738687"/>
              <a:gd name="connsiteX101" fmla="*/ 11103890 w 12191997"/>
              <a:gd name="connsiteY101" fmla="*/ 518029 h 4738687"/>
              <a:gd name="connsiteX102" fmla="*/ 11205030 w 12191997"/>
              <a:gd name="connsiteY102" fmla="*/ 518029 h 4738687"/>
              <a:gd name="connsiteX103" fmla="*/ 11205030 w 12191997"/>
              <a:gd name="connsiteY103" fmla="*/ 356184 h 4738687"/>
              <a:gd name="connsiteX104" fmla="*/ 11404023 w 12191997"/>
              <a:gd name="connsiteY104" fmla="*/ 356184 h 4738687"/>
              <a:gd name="connsiteX105" fmla="*/ 11404023 w 12191997"/>
              <a:gd name="connsiteY105" fmla="*/ 518029 h 4738687"/>
              <a:gd name="connsiteX106" fmla="*/ 11501878 w 12191997"/>
              <a:gd name="connsiteY106" fmla="*/ 518029 h 4738687"/>
              <a:gd name="connsiteX107" fmla="*/ 11501878 w 12191997"/>
              <a:gd name="connsiteY107" fmla="*/ 356184 h 4738687"/>
              <a:gd name="connsiteX108" fmla="*/ 11511957 w 12191997"/>
              <a:gd name="connsiteY108" fmla="*/ 355844 h 4738687"/>
              <a:gd name="connsiteX109" fmla="*/ 11511957 w 12191997"/>
              <a:gd name="connsiteY109" fmla="*/ 518029 h 4738687"/>
              <a:gd name="connsiteX110" fmla="*/ 11618533 w 12191997"/>
              <a:gd name="connsiteY110" fmla="*/ 518029 h 4738687"/>
              <a:gd name="connsiteX111" fmla="*/ 11579233 w 12191997"/>
              <a:gd name="connsiteY111" fmla="*/ 485184 h 4738687"/>
              <a:gd name="connsiteX112" fmla="*/ 11609699 w 12191997"/>
              <a:gd name="connsiteY112" fmla="*/ 426630 h 4738687"/>
              <a:gd name="connsiteX113" fmla="*/ 11531777 w 12191997"/>
              <a:gd name="connsiteY113" fmla="*/ 355844 h 4738687"/>
              <a:gd name="connsiteX114" fmla="*/ 9723643 w 12191997"/>
              <a:gd name="connsiteY114" fmla="*/ 355142 h 4738687"/>
              <a:gd name="connsiteX115" fmla="*/ 9622369 w 12191997"/>
              <a:gd name="connsiteY115" fmla="*/ 372606 h 4738687"/>
              <a:gd name="connsiteX116" fmla="*/ 9549884 w 12191997"/>
              <a:gd name="connsiteY116" fmla="*/ 432972 h 4738687"/>
              <a:gd name="connsiteX117" fmla="*/ 9527233 w 12191997"/>
              <a:gd name="connsiteY117" fmla="*/ 526976 h 4738687"/>
              <a:gd name="connsiteX118" fmla="*/ 9539352 w 12191997"/>
              <a:gd name="connsiteY118" fmla="*/ 594930 h 4738687"/>
              <a:gd name="connsiteX119" fmla="*/ 9538559 w 12191997"/>
              <a:gd name="connsiteY119" fmla="*/ 593911 h 4738687"/>
              <a:gd name="connsiteX120" fmla="*/ 9629844 w 12191997"/>
              <a:gd name="connsiteY120" fmla="*/ 677268 h 4738687"/>
              <a:gd name="connsiteX121" fmla="*/ 9715920 w 12191997"/>
              <a:gd name="connsiteY121" fmla="*/ 690633 h 4738687"/>
              <a:gd name="connsiteX122" fmla="*/ 9826006 w 12191997"/>
              <a:gd name="connsiteY122" fmla="*/ 667981 h 4738687"/>
              <a:gd name="connsiteX123" fmla="*/ 9885127 w 12191997"/>
              <a:gd name="connsiteY123" fmla="*/ 598101 h 4738687"/>
              <a:gd name="connsiteX124" fmla="*/ 9889204 w 12191997"/>
              <a:gd name="connsiteY124" fmla="*/ 567182 h 4738687"/>
              <a:gd name="connsiteX125" fmla="*/ 9798598 w 12191997"/>
              <a:gd name="connsiteY125" fmla="*/ 567182 h 4738687"/>
              <a:gd name="connsiteX126" fmla="*/ 9791916 w 12191997"/>
              <a:gd name="connsiteY126" fmla="*/ 601159 h 4738687"/>
              <a:gd name="connsiteX127" fmla="*/ 9754201 w 12191997"/>
              <a:gd name="connsiteY127" fmla="*/ 635136 h 4738687"/>
              <a:gd name="connsiteX128" fmla="*/ 9715354 w 12191997"/>
              <a:gd name="connsiteY128" fmla="*/ 641932 h 4738687"/>
              <a:gd name="connsiteX129" fmla="*/ 9670051 w 12191997"/>
              <a:gd name="connsiteY129" fmla="*/ 633777 h 4738687"/>
              <a:gd name="connsiteX130" fmla="*/ 9624748 w 12191997"/>
              <a:gd name="connsiteY130" fmla="*/ 582811 h 4738687"/>
              <a:gd name="connsiteX131" fmla="*/ 9616706 w 12191997"/>
              <a:gd name="connsiteY131" fmla="*/ 526183 h 4738687"/>
              <a:gd name="connsiteX132" fmla="*/ 9628032 w 12191997"/>
              <a:gd name="connsiteY132" fmla="*/ 459021 h 4738687"/>
              <a:gd name="connsiteX133" fmla="*/ 9675034 w 12191997"/>
              <a:gd name="connsiteY133" fmla="*/ 412019 h 4738687"/>
              <a:gd name="connsiteX134" fmla="*/ 9716713 w 12191997"/>
              <a:gd name="connsiteY134" fmla="*/ 403978 h 4738687"/>
              <a:gd name="connsiteX135" fmla="*/ 9754088 w 12191997"/>
              <a:gd name="connsiteY135" fmla="*/ 410207 h 4738687"/>
              <a:gd name="connsiteX136" fmla="*/ 9794294 w 12191997"/>
              <a:gd name="connsiteY136" fmla="*/ 447809 h 4738687"/>
              <a:gd name="connsiteX137" fmla="*/ 9798371 w 12191997"/>
              <a:gd name="connsiteY137" fmla="*/ 471932 h 4738687"/>
              <a:gd name="connsiteX138" fmla="*/ 9888411 w 12191997"/>
              <a:gd name="connsiteY138" fmla="*/ 471932 h 4738687"/>
              <a:gd name="connsiteX139" fmla="*/ 9884334 w 12191997"/>
              <a:gd name="connsiteY139" fmla="*/ 451773 h 4738687"/>
              <a:gd name="connsiteX140" fmla="*/ 9823854 w 12191997"/>
              <a:gd name="connsiteY140" fmla="*/ 377929 h 4738687"/>
              <a:gd name="connsiteX141" fmla="*/ 9723643 w 12191997"/>
              <a:gd name="connsiteY141" fmla="*/ 355142 h 4738687"/>
              <a:gd name="connsiteX142" fmla="*/ 0 w 12191997"/>
              <a:gd name="connsiteY142" fmla="*/ 0 h 4738687"/>
              <a:gd name="connsiteX143" fmla="*/ 12191997 w 12191997"/>
              <a:gd name="connsiteY143" fmla="*/ 0 h 4738687"/>
              <a:gd name="connsiteX144" fmla="*/ 12191997 w 12191997"/>
              <a:gd name="connsiteY144" fmla="*/ 4738687 h 4738687"/>
              <a:gd name="connsiteX145" fmla="*/ 0 w 12191997"/>
              <a:gd name="connsiteY145" fmla="*/ 4738687 h 473868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</a:cxnLst>
            <a:rect l="l" t="t" r="r" b="b"/>
            <a:pathLst>
              <a:path w="12191997" h="4738687">
                <a:moveTo>
                  <a:pt x="11680484" y="528222"/>
                </a:moveTo>
                <a:lnTo>
                  <a:pt x="11680484" y="690067"/>
                </a:lnTo>
                <a:lnTo>
                  <a:pt x="11778340" y="690067"/>
                </a:lnTo>
                <a:lnTo>
                  <a:pt x="11778340" y="528222"/>
                </a:lnTo>
                <a:close/>
                <a:moveTo>
                  <a:pt x="11901903" y="528222"/>
                </a:moveTo>
                <a:lnTo>
                  <a:pt x="11788419" y="528562"/>
                </a:lnTo>
                <a:lnTo>
                  <a:pt x="11788419" y="690067"/>
                </a:lnTo>
                <a:lnTo>
                  <a:pt x="11808352" y="690067"/>
                </a:lnTo>
                <a:cubicBezTo>
                  <a:pt x="11865400" y="692814"/>
                  <a:pt x="11913863" y="648799"/>
                  <a:pt x="11916615" y="591757"/>
                </a:cubicBezTo>
                <a:cubicBezTo>
                  <a:pt x="11916762" y="588551"/>
                  <a:pt x="11916774" y="585339"/>
                  <a:pt x="11916627" y="582133"/>
                </a:cubicBezTo>
                <a:cubicBezTo>
                  <a:pt x="11916559" y="563178"/>
                  <a:pt x="11911485" y="544577"/>
                  <a:pt x="11901903" y="528222"/>
                </a:cubicBezTo>
                <a:close/>
                <a:moveTo>
                  <a:pt x="11100379" y="528222"/>
                </a:moveTo>
                <a:lnTo>
                  <a:pt x="11043071" y="690067"/>
                </a:lnTo>
                <a:lnTo>
                  <a:pt x="11127448" y="690067"/>
                </a:lnTo>
                <a:lnTo>
                  <a:pt x="11151005" y="622565"/>
                </a:lnTo>
                <a:lnTo>
                  <a:pt x="11205029" y="622565"/>
                </a:lnTo>
                <a:lnTo>
                  <a:pt x="11205029" y="528222"/>
                </a:lnTo>
                <a:close/>
                <a:moveTo>
                  <a:pt x="11215109" y="528222"/>
                </a:moveTo>
                <a:lnTo>
                  <a:pt x="11215109" y="622565"/>
                </a:lnTo>
                <a:lnTo>
                  <a:pt x="11269133" y="622565"/>
                </a:lnTo>
                <a:lnTo>
                  <a:pt x="11292690" y="690067"/>
                </a:lnTo>
                <a:lnTo>
                  <a:pt x="11376954" y="690067"/>
                </a:lnTo>
                <a:lnTo>
                  <a:pt x="11319759" y="528222"/>
                </a:lnTo>
                <a:close/>
                <a:moveTo>
                  <a:pt x="11625328" y="528222"/>
                </a:moveTo>
                <a:lnTo>
                  <a:pt x="11511957" y="528562"/>
                </a:lnTo>
                <a:lnTo>
                  <a:pt x="11511957" y="690067"/>
                </a:lnTo>
                <a:lnTo>
                  <a:pt x="11531777" y="690067"/>
                </a:lnTo>
                <a:cubicBezTo>
                  <a:pt x="11588825" y="692814"/>
                  <a:pt x="11637288" y="648799"/>
                  <a:pt x="11640040" y="591757"/>
                </a:cubicBezTo>
                <a:cubicBezTo>
                  <a:pt x="11640187" y="588551"/>
                  <a:pt x="11640199" y="585339"/>
                  <a:pt x="11640052" y="582133"/>
                </a:cubicBezTo>
                <a:cubicBezTo>
                  <a:pt x="11640040" y="563170"/>
                  <a:pt x="11634955" y="544556"/>
                  <a:pt x="11625328" y="528222"/>
                </a:cubicBezTo>
                <a:close/>
                <a:moveTo>
                  <a:pt x="11404023" y="528222"/>
                </a:moveTo>
                <a:lnTo>
                  <a:pt x="11404023" y="690067"/>
                </a:lnTo>
                <a:lnTo>
                  <a:pt x="11501878" y="690067"/>
                </a:lnTo>
                <a:lnTo>
                  <a:pt x="11501878" y="528222"/>
                </a:lnTo>
                <a:close/>
                <a:moveTo>
                  <a:pt x="9340585" y="417457"/>
                </a:moveTo>
                <a:lnTo>
                  <a:pt x="9399592" y="562539"/>
                </a:lnTo>
                <a:lnTo>
                  <a:pt x="9281465" y="562539"/>
                </a:lnTo>
                <a:lnTo>
                  <a:pt x="9340585" y="417683"/>
                </a:lnTo>
                <a:close/>
                <a:moveTo>
                  <a:pt x="9932921" y="362639"/>
                </a:moveTo>
                <a:cubicBezTo>
                  <a:pt x="9934280" y="362639"/>
                  <a:pt x="9932921" y="683612"/>
                  <a:pt x="9932921" y="683612"/>
                </a:cubicBezTo>
                <a:lnTo>
                  <a:pt x="10018883" y="683612"/>
                </a:lnTo>
                <a:lnTo>
                  <a:pt x="10018883" y="542606"/>
                </a:lnTo>
                <a:lnTo>
                  <a:pt x="10190808" y="542606"/>
                </a:lnTo>
                <a:lnTo>
                  <a:pt x="10190808" y="683612"/>
                </a:lnTo>
                <a:lnTo>
                  <a:pt x="10275525" y="683612"/>
                </a:lnTo>
                <a:lnTo>
                  <a:pt x="10275525" y="362639"/>
                </a:lnTo>
                <a:lnTo>
                  <a:pt x="10190808" y="362639"/>
                </a:lnTo>
                <a:cubicBezTo>
                  <a:pt x="10189449" y="362639"/>
                  <a:pt x="10190808" y="491527"/>
                  <a:pt x="10190808" y="491527"/>
                </a:cubicBezTo>
                <a:lnTo>
                  <a:pt x="10018883" y="491527"/>
                </a:lnTo>
                <a:lnTo>
                  <a:pt x="10018883" y="362639"/>
                </a:lnTo>
                <a:close/>
                <a:moveTo>
                  <a:pt x="8866376" y="362639"/>
                </a:moveTo>
                <a:lnTo>
                  <a:pt x="8866376" y="417683"/>
                </a:lnTo>
                <a:lnTo>
                  <a:pt x="8996396" y="417683"/>
                </a:lnTo>
                <a:lnTo>
                  <a:pt x="8996396" y="683612"/>
                </a:lnTo>
                <a:lnTo>
                  <a:pt x="9081225" y="683612"/>
                </a:lnTo>
                <a:lnTo>
                  <a:pt x="9081225" y="417683"/>
                </a:lnTo>
                <a:lnTo>
                  <a:pt x="9211585" y="417683"/>
                </a:lnTo>
                <a:lnTo>
                  <a:pt x="9211585" y="362639"/>
                </a:lnTo>
                <a:close/>
                <a:moveTo>
                  <a:pt x="9288147" y="362639"/>
                </a:moveTo>
                <a:lnTo>
                  <a:pt x="9137741" y="683612"/>
                </a:lnTo>
                <a:lnTo>
                  <a:pt x="9233104" y="683612"/>
                </a:lnTo>
                <a:lnTo>
                  <a:pt x="9259946" y="615657"/>
                </a:lnTo>
                <a:lnTo>
                  <a:pt x="9419752" y="615657"/>
                </a:lnTo>
                <a:lnTo>
                  <a:pt x="9447953" y="683612"/>
                </a:lnTo>
                <a:lnTo>
                  <a:pt x="9542070" y="683612"/>
                </a:lnTo>
                <a:lnTo>
                  <a:pt x="9391551" y="362639"/>
                </a:lnTo>
                <a:close/>
                <a:moveTo>
                  <a:pt x="10342687" y="362526"/>
                </a:moveTo>
                <a:lnTo>
                  <a:pt x="10342687" y="683612"/>
                </a:lnTo>
                <a:lnTo>
                  <a:pt x="10427290" y="683612"/>
                </a:lnTo>
                <a:lnTo>
                  <a:pt x="10427290" y="362526"/>
                </a:lnTo>
                <a:close/>
                <a:moveTo>
                  <a:pt x="8342446" y="362526"/>
                </a:moveTo>
                <a:lnTo>
                  <a:pt x="8342446" y="683612"/>
                </a:lnTo>
                <a:lnTo>
                  <a:pt x="8427049" y="683612"/>
                </a:lnTo>
                <a:lnTo>
                  <a:pt x="8427049" y="542606"/>
                </a:lnTo>
                <a:lnTo>
                  <a:pt x="8598974" y="542606"/>
                </a:lnTo>
                <a:lnTo>
                  <a:pt x="8598974" y="683612"/>
                </a:lnTo>
                <a:lnTo>
                  <a:pt x="8683691" y="683612"/>
                </a:lnTo>
                <a:lnTo>
                  <a:pt x="8683691" y="362526"/>
                </a:lnTo>
                <a:lnTo>
                  <a:pt x="8598974" y="362526"/>
                </a:lnTo>
                <a:lnTo>
                  <a:pt x="8598974" y="491527"/>
                </a:lnTo>
                <a:lnTo>
                  <a:pt x="8427049" y="491527"/>
                </a:lnTo>
                <a:lnTo>
                  <a:pt x="8427049" y="362526"/>
                </a:lnTo>
                <a:close/>
                <a:moveTo>
                  <a:pt x="8750853" y="362526"/>
                </a:moveTo>
                <a:lnTo>
                  <a:pt x="8750853" y="683612"/>
                </a:lnTo>
                <a:lnTo>
                  <a:pt x="8836815" y="683612"/>
                </a:lnTo>
                <a:lnTo>
                  <a:pt x="8836815" y="362526"/>
                </a:lnTo>
                <a:close/>
                <a:moveTo>
                  <a:pt x="11788419" y="356184"/>
                </a:moveTo>
                <a:lnTo>
                  <a:pt x="11788419" y="518029"/>
                </a:lnTo>
                <a:lnTo>
                  <a:pt x="11895109" y="518029"/>
                </a:lnTo>
                <a:cubicBezTo>
                  <a:pt x="11884814" y="504065"/>
                  <a:pt x="11871291" y="492797"/>
                  <a:pt x="11855695" y="485184"/>
                </a:cubicBezTo>
                <a:cubicBezTo>
                  <a:pt x="11874824" y="471978"/>
                  <a:pt x="11886263" y="450219"/>
                  <a:pt x="11886275" y="426970"/>
                </a:cubicBezTo>
                <a:cubicBezTo>
                  <a:pt x="11886275" y="386650"/>
                  <a:pt x="11858753" y="356184"/>
                  <a:pt x="11808352" y="356184"/>
                </a:cubicBezTo>
                <a:close/>
                <a:moveTo>
                  <a:pt x="11680484" y="356184"/>
                </a:moveTo>
                <a:lnTo>
                  <a:pt x="11680484" y="518029"/>
                </a:lnTo>
                <a:lnTo>
                  <a:pt x="11778340" y="518029"/>
                </a:lnTo>
                <a:lnTo>
                  <a:pt x="11778340" y="356184"/>
                </a:lnTo>
                <a:close/>
                <a:moveTo>
                  <a:pt x="11215109" y="356184"/>
                </a:moveTo>
                <a:lnTo>
                  <a:pt x="11215109" y="518029"/>
                </a:lnTo>
                <a:lnTo>
                  <a:pt x="11316136" y="518029"/>
                </a:lnTo>
                <a:lnTo>
                  <a:pt x="11258940" y="356184"/>
                </a:lnTo>
                <a:close/>
                <a:moveTo>
                  <a:pt x="11161200" y="356184"/>
                </a:moveTo>
                <a:lnTo>
                  <a:pt x="11103890" y="518029"/>
                </a:lnTo>
                <a:lnTo>
                  <a:pt x="11205030" y="518029"/>
                </a:lnTo>
                <a:lnTo>
                  <a:pt x="11205030" y="356184"/>
                </a:lnTo>
                <a:close/>
                <a:moveTo>
                  <a:pt x="11404023" y="356184"/>
                </a:moveTo>
                <a:lnTo>
                  <a:pt x="11404023" y="518029"/>
                </a:lnTo>
                <a:lnTo>
                  <a:pt x="11501878" y="518029"/>
                </a:lnTo>
                <a:lnTo>
                  <a:pt x="11501878" y="356184"/>
                </a:lnTo>
                <a:close/>
                <a:moveTo>
                  <a:pt x="11511957" y="355844"/>
                </a:moveTo>
                <a:lnTo>
                  <a:pt x="11511957" y="518029"/>
                </a:lnTo>
                <a:lnTo>
                  <a:pt x="11618533" y="518029"/>
                </a:lnTo>
                <a:cubicBezTo>
                  <a:pt x="11608250" y="504095"/>
                  <a:pt x="11594772" y="492831"/>
                  <a:pt x="11579233" y="485184"/>
                </a:cubicBezTo>
                <a:cubicBezTo>
                  <a:pt x="11598408" y="471872"/>
                  <a:pt x="11609801" y="449973"/>
                  <a:pt x="11609699" y="426630"/>
                </a:cubicBezTo>
                <a:cubicBezTo>
                  <a:pt x="11609699" y="386310"/>
                  <a:pt x="11582291" y="355844"/>
                  <a:pt x="11531777" y="355844"/>
                </a:cubicBezTo>
                <a:close/>
                <a:moveTo>
                  <a:pt x="9723643" y="355142"/>
                </a:moveTo>
                <a:cubicBezTo>
                  <a:pt x="9689392" y="354238"/>
                  <a:pt x="9654964" y="360041"/>
                  <a:pt x="9622369" y="372606"/>
                </a:cubicBezTo>
                <a:cubicBezTo>
                  <a:pt x="9592186" y="384144"/>
                  <a:pt x="9566692" y="405378"/>
                  <a:pt x="9549884" y="432972"/>
                </a:cubicBezTo>
                <a:cubicBezTo>
                  <a:pt x="9534210" y="461774"/>
                  <a:pt x="9526395" y="494195"/>
                  <a:pt x="9527233" y="526976"/>
                </a:cubicBezTo>
                <a:cubicBezTo>
                  <a:pt x="9527165" y="550171"/>
                  <a:pt x="9531276" y="573188"/>
                  <a:pt x="9539352" y="594930"/>
                </a:cubicBezTo>
                <a:lnTo>
                  <a:pt x="9538559" y="593911"/>
                </a:lnTo>
                <a:cubicBezTo>
                  <a:pt x="9552036" y="634230"/>
                  <a:pt x="9588279" y="663791"/>
                  <a:pt x="9629844" y="677268"/>
                </a:cubicBezTo>
                <a:cubicBezTo>
                  <a:pt x="9657751" y="685825"/>
                  <a:pt x="9686734" y="690326"/>
                  <a:pt x="9715920" y="690633"/>
                </a:cubicBezTo>
                <a:cubicBezTo>
                  <a:pt x="9753782" y="690751"/>
                  <a:pt x="9791270" y="683040"/>
                  <a:pt x="9826006" y="667981"/>
                </a:cubicBezTo>
                <a:cubicBezTo>
                  <a:pt x="9855544" y="655197"/>
                  <a:pt x="9877414" y="629348"/>
                  <a:pt x="9885127" y="598101"/>
                </a:cubicBezTo>
                <a:cubicBezTo>
                  <a:pt x="9887811" y="588015"/>
                  <a:pt x="9889181" y="577621"/>
                  <a:pt x="9889204" y="567182"/>
                </a:cubicBezTo>
                <a:lnTo>
                  <a:pt x="9798598" y="567182"/>
                </a:lnTo>
                <a:cubicBezTo>
                  <a:pt x="9799289" y="578891"/>
                  <a:pt x="9796990" y="590583"/>
                  <a:pt x="9791916" y="601159"/>
                </a:cubicBezTo>
                <a:cubicBezTo>
                  <a:pt x="9785143" y="617619"/>
                  <a:pt x="9771280" y="630117"/>
                  <a:pt x="9754201" y="635136"/>
                </a:cubicBezTo>
                <a:cubicBezTo>
                  <a:pt x="9741697" y="639480"/>
                  <a:pt x="9728582" y="641774"/>
                  <a:pt x="9715354" y="641932"/>
                </a:cubicBezTo>
                <a:cubicBezTo>
                  <a:pt x="9699951" y="641282"/>
                  <a:pt x="9684717" y="638539"/>
                  <a:pt x="9670051" y="633777"/>
                </a:cubicBezTo>
                <a:cubicBezTo>
                  <a:pt x="9648260" y="624183"/>
                  <a:pt x="9631724" y="605578"/>
                  <a:pt x="9624748" y="582811"/>
                </a:cubicBezTo>
                <a:cubicBezTo>
                  <a:pt x="9619459" y="564399"/>
                  <a:pt x="9616752" y="545340"/>
                  <a:pt x="9616706" y="526183"/>
                </a:cubicBezTo>
                <a:cubicBezTo>
                  <a:pt x="9616831" y="503331"/>
                  <a:pt x="9620648" y="480649"/>
                  <a:pt x="9628032" y="459021"/>
                </a:cubicBezTo>
                <a:cubicBezTo>
                  <a:pt x="9635473" y="436857"/>
                  <a:pt x="9652869" y="419460"/>
                  <a:pt x="9675034" y="412019"/>
                </a:cubicBezTo>
                <a:cubicBezTo>
                  <a:pt x="9688274" y="406660"/>
                  <a:pt x="9702431" y="403929"/>
                  <a:pt x="9716713" y="403978"/>
                </a:cubicBezTo>
                <a:cubicBezTo>
                  <a:pt x="9729364" y="404639"/>
                  <a:pt x="9741901" y="406729"/>
                  <a:pt x="9754088" y="410207"/>
                </a:cubicBezTo>
                <a:cubicBezTo>
                  <a:pt x="9772356" y="416237"/>
                  <a:pt x="9787057" y="429984"/>
                  <a:pt x="9794294" y="447809"/>
                </a:cubicBezTo>
                <a:cubicBezTo>
                  <a:pt x="9796967" y="455572"/>
                  <a:pt x="9798337" y="463722"/>
                  <a:pt x="9798371" y="471932"/>
                </a:cubicBezTo>
                <a:lnTo>
                  <a:pt x="9888411" y="471932"/>
                </a:lnTo>
                <a:lnTo>
                  <a:pt x="9884334" y="451773"/>
                </a:lnTo>
                <a:cubicBezTo>
                  <a:pt x="9877652" y="418657"/>
                  <a:pt x="9855000" y="391001"/>
                  <a:pt x="9823854" y="377929"/>
                </a:cubicBezTo>
                <a:cubicBezTo>
                  <a:pt x="9791967" y="363661"/>
                  <a:pt x="9757893" y="356047"/>
                  <a:pt x="9723643" y="355142"/>
                </a:cubicBezTo>
                <a:close/>
                <a:moveTo>
                  <a:pt x="0" y="0"/>
                </a:moveTo>
                <a:lnTo>
                  <a:pt x="12191997" y="0"/>
                </a:lnTo>
                <a:lnTo>
                  <a:pt x="12191997" y="4738687"/>
                </a:lnTo>
                <a:lnTo>
                  <a:pt x="0" y="4738687"/>
                </a:lnTo>
                <a:close/>
              </a:path>
            </a:pathLst>
          </a:custGeom>
          <a:noFill/>
        </p:spPr>
        <p:txBody>
          <a:bodyPr wrap="square" tIns="900000" anchor="ctr">
            <a:noAutofit/>
          </a:bodyPr>
          <a:lstStyle>
            <a:lvl1pPr algn="ctr">
              <a:defRPr sz="2000">
                <a:solidFill>
                  <a:schemeClr val="accent4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grpSp>
        <p:nvGrpSpPr>
          <p:cNvPr id="16" name="グループ化 39">
            <a:extLst>
              <a:ext uri="{FF2B5EF4-FFF2-40B4-BE49-F238E27FC236}">
                <a16:creationId xmlns:a16="http://schemas.microsoft.com/office/drawing/2014/main" id="{6809A62B-C3B4-4040-AF1D-DC2BF3BDB821}"/>
              </a:ext>
            </a:extLst>
          </p:cNvPr>
          <p:cNvGrpSpPr/>
          <p:nvPr userDrawn="1"/>
        </p:nvGrpSpPr>
        <p:grpSpPr bwMode="gray">
          <a:xfrm>
            <a:off x="0" y="4739176"/>
            <a:ext cx="12192000" cy="129984"/>
            <a:chOff x="324487" y="2057426"/>
            <a:chExt cx="8495663" cy="97488"/>
          </a:xfrm>
        </p:grpSpPr>
        <p:sp>
          <p:nvSpPr>
            <p:cNvPr id="17" name="正方形/長方形 11">
              <a:extLst>
                <a:ext uri="{FF2B5EF4-FFF2-40B4-BE49-F238E27FC236}">
                  <a16:creationId xmlns:a16="http://schemas.microsoft.com/office/drawing/2014/main" id="{DE7BDB25-5A30-4A34-ABFC-B07249D3BFFA}"/>
                </a:ext>
              </a:extLst>
            </p:cNvPr>
            <p:cNvSpPr>
              <a:spLocks noChangeArrowheads="1"/>
            </p:cNvSpPr>
            <p:nvPr/>
          </p:nvSpPr>
          <p:spPr bwMode="gray">
            <a:xfrm>
              <a:off x="324489" y="2057426"/>
              <a:ext cx="8495661" cy="97488"/>
            </a:xfrm>
            <a:prstGeom prst="rect">
              <a:avLst/>
            </a:prstGeom>
            <a:solidFill>
              <a:srgbClr val="73737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US" altLang="ja-JP" sz="4623" dirty="0"/>
            </a:p>
          </p:txBody>
        </p:sp>
        <p:grpSp>
          <p:nvGrpSpPr>
            <p:cNvPr id="18" name="グループ化 16">
              <a:extLst>
                <a:ext uri="{FF2B5EF4-FFF2-40B4-BE49-F238E27FC236}">
                  <a16:creationId xmlns:a16="http://schemas.microsoft.com/office/drawing/2014/main" id="{74096499-38D4-462C-8826-1DB8FC711C1A}"/>
                </a:ext>
              </a:extLst>
            </p:cNvPr>
            <p:cNvGrpSpPr/>
            <p:nvPr/>
          </p:nvGrpSpPr>
          <p:grpSpPr bwMode="gray">
            <a:xfrm>
              <a:off x="324487" y="2057426"/>
              <a:ext cx="1938812" cy="97488"/>
              <a:chOff x="312738" y="2747963"/>
              <a:chExt cx="1970087" cy="109537"/>
            </a:xfrm>
          </p:grpSpPr>
          <p:sp>
            <p:nvSpPr>
              <p:cNvPr id="19" name="正方形/長方形 42">
                <a:extLst>
                  <a:ext uri="{FF2B5EF4-FFF2-40B4-BE49-F238E27FC236}">
                    <a16:creationId xmlns:a16="http://schemas.microsoft.com/office/drawing/2014/main" id="{177D7250-BABC-4571-82D6-043E996D9DB0}"/>
                  </a:ext>
                </a:extLst>
              </p:cNvPr>
              <p:cNvSpPr/>
              <p:nvPr/>
            </p:nvSpPr>
            <p:spPr bwMode="gray">
              <a:xfrm>
                <a:off x="312738" y="2747963"/>
                <a:ext cx="1970087" cy="109537"/>
              </a:xfrm>
              <a:prstGeom prst="rect">
                <a:avLst/>
              </a:prstGeom>
              <a:solidFill>
                <a:srgbClr val="FF0026"/>
              </a:solidFill>
              <a:ln w="9525">
                <a:noFill/>
                <a:miter lim="800000"/>
                <a:headEnd/>
                <a:tailEnd/>
              </a:ln>
              <a:effectLst/>
            </p:spPr>
            <p:txBody>
              <a:bodyPr wrap="none" anchor="ctr"/>
              <a:lstStyle/>
              <a:p>
                <a:pPr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kumimoji="0" lang="en-US" altLang="ja-JP" sz="2400" kern="0" dirty="0">
                  <a:solidFill>
                    <a:sysClr val="windowText" lastClr="000000"/>
                  </a:solidFill>
                </a:endParaRPr>
              </a:p>
            </p:txBody>
          </p:sp>
          <p:sp>
            <p:nvSpPr>
              <p:cNvPr id="20" name="正方形/長方形 43">
                <a:extLst>
                  <a:ext uri="{FF2B5EF4-FFF2-40B4-BE49-F238E27FC236}">
                    <a16:creationId xmlns:a16="http://schemas.microsoft.com/office/drawing/2014/main" id="{BFDA5A74-11DA-4E7F-9508-F12960D3B74E}"/>
                  </a:ext>
                </a:extLst>
              </p:cNvPr>
              <p:cNvSpPr/>
              <p:nvPr/>
            </p:nvSpPr>
            <p:spPr bwMode="gray">
              <a:xfrm>
                <a:off x="312738" y="2747963"/>
                <a:ext cx="985837" cy="109537"/>
              </a:xfrm>
              <a:prstGeom prst="rect">
                <a:avLst/>
              </a:prstGeom>
              <a:solidFill>
                <a:srgbClr val="B3B3B3"/>
              </a:solidFill>
              <a:ln w="9525">
                <a:noFill/>
                <a:miter lim="800000"/>
                <a:headEnd/>
                <a:tailEnd/>
              </a:ln>
              <a:effectLst/>
            </p:spPr>
            <p:txBody>
              <a:bodyPr wrap="none" anchor="ctr"/>
              <a:lstStyle/>
              <a:p>
                <a:pPr algn="l"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kumimoji="0" lang="en-US" altLang="ja-JP" sz="2400" kern="0" dirty="0">
                  <a:solidFill>
                    <a:sysClr val="windowText" lastClr="000000"/>
                  </a:solidFill>
                </a:endParaRPr>
              </a:p>
            </p:txBody>
          </p:sp>
        </p:grpSp>
      </p:grpSp>
      <p:pic>
        <p:nvPicPr>
          <p:cNvPr id="58" name="Graphic 57">
            <a:extLst>
              <a:ext uri="{FF2B5EF4-FFF2-40B4-BE49-F238E27FC236}">
                <a16:creationId xmlns:a16="http://schemas.microsoft.com/office/drawing/2014/main" id="{87CED3B0-7818-48A4-B9A0-D2FA09E0AF0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8101664" y="41555"/>
            <a:ext cx="4054618" cy="962688"/>
          </a:xfrm>
          <a:prstGeom prst="rect">
            <a:avLst/>
          </a:prstGeom>
        </p:spPr>
      </p:pic>
      <p:sp>
        <p:nvSpPr>
          <p:cNvPr id="15" name="TextBox 14">
            <a:extLst>
              <a:ext uri="{FF2B5EF4-FFF2-40B4-BE49-F238E27FC236}">
                <a16:creationId xmlns:a16="http://schemas.microsoft.com/office/drawing/2014/main" id="{2C9385B2-CD2A-4812-9A01-A693DDBC15A1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  <p:sp>
        <p:nvSpPr>
          <p:cNvPr id="27" name="Footer Placeholder 4">
            <a:extLst>
              <a:ext uri="{FF2B5EF4-FFF2-40B4-BE49-F238E27FC236}">
                <a16:creationId xmlns:a16="http://schemas.microsoft.com/office/drawing/2014/main" id="{B7F2E0A4-3CB6-416D-ADC4-4C7496CC946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28" name="Slide Number Placeholder 5">
            <a:extLst>
              <a:ext uri="{FF2B5EF4-FFF2-40B4-BE49-F238E27FC236}">
                <a16:creationId xmlns:a16="http://schemas.microsoft.com/office/drawing/2014/main" id="{27C55999-B301-4D4D-A96E-5C9CA066EC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C24EC536-6FE3-4540-8D85-74C58F0BF69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3" name="text" descr="{&#10; &quot;SkabelonDesign&quot;: {&#10; &quot;textualValue&quot;: &quot;&lt;key1/&gt;&quot;,&#10; &quot;bindingCollection&quot;: {&#10; &quot;key1&quot;: {&quot;SkabelonDesign&quot;:{&quot;type&quot;:&quot;Text&quot;,&quot;binding&quot;:&quot;Copyright&quot;}}&#10; }&#10; }&#10;}">
            <a:extLst>
              <a:ext uri="{FF2B5EF4-FFF2-40B4-BE49-F238E27FC236}">
                <a16:creationId xmlns:a16="http://schemas.microsoft.com/office/drawing/2014/main" id="{CC04AA69-D16D-4C3C-BBAC-042383626835}"/>
              </a:ext>
            </a:extLst>
          </p:cNvPr>
          <p:cNvSpPr txBox="1"/>
          <p:nvPr userDrawn="1"/>
        </p:nvSpPr>
        <p:spPr bwMode="gray">
          <a:xfrm>
            <a:off x="9384507" y="6604001"/>
            <a:ext cx="2160000" cy="224432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 anchor="ctr">
            <a:noAutofit/>
          </a:bodyPr>
          <a:lstStyle/>
          <a:p>
            <a:pPr marL="0" marR="0" lvl="0" indent="0" algn="l" defTabSz="914491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730" b="0" i="0" u="none" strike="noStrike" kern="1200" cap="none" spc="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© Hitachi ABB Power Grids 2020. All rights reserved</a:t>
            </a:r>
            <a:endParaRPr kumimoji="0" lang="en-US" sz="73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9" name="text" descr="{&#10; &quot;SkabelonDesign&quot;: {&#10; &quot;textualValue&quot;: &quot;&lt;key1/&gt;&quot;,&#10; &quot;bindingCollection&quot;: {&#10; &quot;key1&quot;: {&quot;SkabelonDesign&quot;:{&quot;type&quot;:&quot;Text&quot;,&quot;binding&quot;:&quot;Title&quot;}}&#10; }&#10; }&#10;}">
            <a:extLst>
              <a:ext uri="{FF2B5EF4-FFF2-40B4-BE49-F238E27FC236}">
                <a16:creationId xmlns:a16="http://schemas.microsoft.com/office/drawing/2014/main" id="{84363F99-AF02-4A5B-A36C-8C3FDDCFE92A}"/>
              </a:ext>
            </a:extLst>
          </p:cNvPr>
          <p:cNvSpPr/>
          <p:nvPr userDrawn="1"/>
        </p:nvSpPr>
        <p:spPr bwMode="gray">
          <a:xfrm>
            <a:off x="1369197" y="5090003"/>
            <a:ext cx="10537200" cy="572286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r>
              <a:rPr lang="en-US" sz="2800" b="1">
                <a:solidFill>
                  <a:schemeClr val="tx1"/>
                </a:solidFill>
              </a:rPr>
              <a:t>Monthly_HR_Center_Report_TEMPLATE</a:t>
            </a:r>
            <a:endParaRPr lang="da-DK" sz="2800" b="1" dirty="0">
              <a:solidFill>
                <a:schemeClr val="tx1"/>
              </a:solidFill>
            </a:endParaRPr>
          </a:p>
        </p:txBody>
      </p:sp>
      <p:sp>
        <p:nvSpPr>
          <p:cNvPr id="10" name="text" descr="{&#10; &quot;SkabelonDesign&quot;: {&#10; &quot;textualValue&quot;: &quot;&lt;key1/&gt;&quot;,&#10; &quot;bindingCollection&quot;: {&#10; &quot;key1&quot;: {&quot;SkabelonDesign&quot;:{&quot;type&quot;:&quot;Text&quot;,&quot;binding&quot;:&quot;SupplementaryTitle&quot;}}&#10; }&#10; }&#10;}">
            <a:extLst>
              <a:ext uri="{FF2B5EF4-FFF2-40B4-BE49-F238E27FC236}">
                <a16:creationId xmlns:a16="http://schemas.microsoft.com/office/drawing/2014/main" id="{49E04663-53AE-4442-949C-131F559D36CC}"/>
              </a:ext>
            </a:extLst>
          </p:cNvPr>
          <p:cNvSpPr/>
          <p:nvPr userDrawn="1"/>
        </p:nvSpPr>
        <p:spPr bwMode="gray">
          <a:xfrm>
            <a:off x="1368404" y="5681719"/>
            <a:ext cx="10542162" cy="40043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endParaRPr lang="da-DK" sz="2000" b="0" dirty="0">
              <a:solidFill>
                <a:schemeClr val="tx1"/>
              </a:solidFill>
            </a:endParaRPr>
          </a:p>
        </p:txBody>
      </p:sp>
      <p:sp>
        <p:nvSpPr>
          <p:cNvPr id="7" name="text" descr="{&#10; &quot;SkabelonDesign&quot;: {&#10; &quot;textualValue&quot;: &quot;&lt;key1/&gt;&quot;,&#10; &quot;bindingCollection&quot;: {&#10; &quot;key1&quot;: {&quot;SkabelonDesign&quot;:{&quot;type&quot;:&quot;Text&quot;,&quot;binding&quot;:&quot;PPMetadata&quot;}}&#10; }&#10; }&#10;}">
            <a:extLst>
              <a:ext uri="{FF2B5EF4-FFF2-40B4-BE49-F238E27FC236}">
                <a16:creationId xmlns:a16="http://schemas.microsoft.com/office/drawing/2014/main" id="{8E5411FA-3269-4512-B9BC-F1FEB3A5DF4B}"/>
              </a:ext>
            </a:extLst>
          </p:cNvPr>
          <p:cNvSpPr txBox="1"/>
          <p:nvPr userDrawn="1"/>
        </p:nvSpPr>
        <p:spPr bwMode="gray">
          <a:xfrm>
            <a:off x="1365279" y="6639725"/>
            <a:ext cx="3431478" cy="154949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pl-PL" sz="930">
                <a:solidFill>
                  <a:schemeClr val="tx1"/>
                </a:solidFill>
              </a:rPr>
              <a:t>2020-07-29</a:t>
            </a:r>
            <a:endParaRPr lang="pl-PL" sz="930" dirty="0">
              <a:solidFill>
                <a:schemeClr val="tx1"/>
              </a:solidFill>
            </a:endParaRPr>
          </a:p>
        </p:txBody>
      </p:sp>
      <p:sp>
        <p:nvSpPr>
          <p:cNvPr id="21" name="Text Box 13">
            <a:extLst>
              <a:ext uri="{FF2B5EF4-FFF2-40B4-BE49-F238E27FC236}">
                <a16:creationId xmlns:a16="http://schemas.microsoft.com/office/drawing/2014/main" id="{67B318E7-F505-43BC-847E-0E04446BD2EE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1372422" y="6438755"/>
            <a:ext cx="3424335" cy="261610"/>
          </a:xfrm>
          <a:prstGeom prst="rect">
            <a:avLst/>
          </a:prstGeom>
          <a:noFill/>
          <a:ln w="25400">
            <a:noFill/>
            <a:miter lim="800000"/>
            <a:headEnd/>
            <a:tailEnd/>
          </a:ln>
        </p:spPr>
        <p:txBody>
          <a:bodyPr wrap="none" lIns="0" tIns="0" rIns="0" bIns="0">
            <a:noAutofit/>
          </a:bodyPr>
          <a:lstStyle/>
          <a:p>
            <a:pPr algn="ctr">
              <a:spcBef>
                <a:spcPct val="50000"/>
              </a:spcBef>
              <a:defRPr/>
            </a:pPr>
            <a:r>
              <a:rPr kumimoji="0" lang="en-US" altLang="ja-JP" sz="1170" b="1" dirty="0">
                <a:solidFill>
                  <a:schemeClr val="tx1"/>
                </a:solidFill>
                <a:latin typeface="Arial" charset="0"/>
                <a:ea typeface="Arial" pitchFamily="34" charset="0"/>
              </a:rPr>
              <a:t>POWERING GOOD FOR SUSTAINABLE ENERGY</a:t>
            </a:r>
          </a:p>
        </p:txBody>
      </p:sp>
      <p:pic>
        <p:nvPicPr>
          <p:cNvPr id="11" name="Confidential" hidden="1">
            <a:extLst>
              <a:ext uri="{FF2B5EF4-FFF2-40B4-BE49-F238E27FC236}">
                <a16:creationId xmlns:a16="http://schemas.microsoft.com/office/drawing/2014/main" id="{661966F3-7AA1-4EF4-BA95-02DF53D7AA6E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277200" y="345600"/>
            <a:ext cx="1671890" cy="266400"/>
          </a:xfrm>
          <a:prstGeom prst="rect">
            <a:avLst/>
          </a:prstGeom>
        </p:spPr>
      </p:pic>
      <p:pic>
        <p:nvPicPr>
          <p:cNvPr id="12" name="Public" hidden="1">
            <a:extLst>
              <a:ext uri="{FF2B5EF4-FFF2-40B4-BE49-F238E27FC236}">
                <a16:creationId xmlns:a16="http://schemas.microsoft.com/office/drawing/2014/main" id="{FC73FBE7-E8DC-4480-8500-F5BA25F6A2CF}"/>
              </a:ext>
            </a:extLst>
          </p:cNvPr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275718" y="345600"/>
            <a:ext cx="1671890" cy="266400"/>
          </a:xfrm>
          <a:prstGeom prst="rect">
            <a:avLst/>
          </a:prstGeom>
        </p:spPr>
      </p:pic>
      <p:pic>
        <p:nvPicPr>
          <p:cNvPr id="13" name="Internal">
            <a:extLst>
              <a:ext uri="{FF2B5EF4-FFF2-40B4-BE49-F238E27FC236}">
                <a16:creationId xmlns:a16="http://schemas.microsoft.com/office/drawing/2014/main" id="{2E032F33-734F-46C6-8307-54FF5447C0B3}"/>
              </a:ext>
            </a:extLst>
          </p:cNvPr>
          <p:cNvPicPr>
            <a:picLocks noChangeAspect="1"/>
          </p:cNvPicPr>
          <p:nvPr userDrawn="1"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275718" y="344152"/>
            <a:ext cx="1671890" cy="266400"/>
          </a:xfrm>
          <a:prstGeom prst="rect">
            <a:avLst/>
          </a:prstGeom>
        </p:spPr>
      </p:pic>
      <p:pic>
        <p:nvPicPr>
          <p:cNvPr id="14" name="Strictly" hidden="1">
            <a:extLst>
              <a:ext uri="{FF2B5EF4-FFF2-40B4-BE49-F238E27FC236}">
                <a16:creationId xmlns:a16="http://schemas.microsoft.com/office/drawing/2014/main" id="{4D95BBEA-FA4C-4CD5-95B2-87BE670FCBD3}"/>
              </a:ext>
            </a:extLst>
          </p:cNvPr>
          <p:cNvPicPr>
            <a:picLocks noChangeAspect="1"/>
          </p:cNvPicPr>
          <p:nvPr userDrawn="1"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1"/>
              </a:ext>
            </a:extLst>
          </a:blip>
          <a:stretch>
            <a:fillRect/>
          </a:stretch>
        </p:blipFill>
        <p:spPr>
          <a:xfrm>
            <a:off x="277200" y="345600"/>
            <a:ext cx="1671890" cy="266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69990242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able of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5BD04DA-BB47-4750-8A44-88B15E82698A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1598907" y="1990949"/>
            <a:ext cx="8815185" cy="494203"/>
          </a:xfrm>
        </p:spPr>
        <p:txBody>
          <a:bodyPr anchor="t"/>
          <a:lstStyle>
            <a:lvl1pPr algn="l">
              <a:defRPr sz="32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Table of Contents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77D401E-C526-460A-93D8-F3AC71E51603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1598907" y="3238500"/>
            <a:ext cx="8815185" cy="3106738"/>
          </a:xfrm>
        </p:spPr>
        <p:txBody>
          <a:bodyPr tIns="0"/>
          <a:lstStyle>
            <a:lvl1pPr marL="457200" marR="0" indent="-4572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 sz="2000" b="0"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Sample text</a:t>
            </a:r>
          </a:p>
          <a:p>
            <a:r>
              <a:rPr lang="en-US" dirty="0"/>
              <a:t>Sample text</a:t>
            </a:r>
          </a:p>
          <a:p>
            <a:r>
              <a:rPr lang="en-US" dirty="0"/>
              <a:t>Sample text</a:t>
            </a:r>
          </a:p>
          <a:p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C335698-AD40-4284-9146-56895C16638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accent4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3815D6C-0C71-4C18-998E-2E308A2ABC6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grpSp>
        <p:nvGrpSpPr>
          <p:cNvPr id="8" name="グループ化 39">
            <a:extLst>
              <a:ext uri="{FF2B5EF4-FFF2-40B4-BE49-F238E27FC236}">
                <a16:creationId xmlns:a16="http://schemas.microsoft.com/office/drawing/2014/main" id="{B3FFABD1-269F-4846-BFA7-64B93DCEC6FF}"/>
              </a:ext>
            </a:extLst>
          </p:cNvPr>
          <p:cNvGrpSpPr/>
          <p:nvPr userDrawn="1"/>
        </p:nvGrpSpPr>
        <p:grpSpPr bwMode="gray">
          <a:xfrm>
            <a:off x="263526" y="2708310"/>
            <a:ext cx="11664950" cy="129984"/>
            <a:chOff x="324487" y="2057426"/>
            <a:chExt cx="8495663" cy="97488"/>
          </a:xfrm>
        </p:grpSpPr>
        <p:sp>
          <p:nvSpPr>
            <p:cNvPr id="9" name="正方形/長方形 11">
              <a:extLst>
                <a:ext uri="{FF2B5EF4-FFF2-40B4-BE49-F238E27FC236}">
                  <a16:creationId xmlns:a16="http://schemas.microsoft.com/office/drawing/2014/main" id="{4E3F898B-5217-45A3-AF93-4EDA063B5749}"/>
                </a:ext>
              </a:extLst>
            </p:cNvPr>
            <p:cNvSpPr>
              <a:spLocks noChangeArrowheads="1"/>
            </p:cNvSpPr>
            <p:nvPr/>
          </p:nvSpPr>
          <p:spPr bwMode="gray">
            <a:xfrm>
              <a:off x="324489" y="2057426"/>
              <a:ext cx="8495661" cy="97488"/>
            </a:xfrm>
            <a:prstGeom prst="rect">
              <a:avLst/>
            </a:prstGeom>
            <a:solidFill>
              <a:srgbClr val="73737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US" altLang="ja-JP" sz="4623" dirty="0"/>
            </a:p>
          </p:txBody>
        </p:sp>
        <p:grpSp>
          <p:nvGrpSpPr>
            <p:cNvPr id="10" name="グループ化 16">
              <a:extLst>
                <a:ext uri="{FF2B5EF4-FFF2-40B4-BE49-F238E27FC236}">
                  <a16:creationId xmlns:a16="http://schemas.microsoft.com/office/drawing/2014/main" id="{CEAA1F3A-29E0-4030-B5D2-D5DBBF92BB2E}"/>
                </a:ext>
              </a:extLst>
            </p:cNvPr>
            <p:cNvGrpSpPr/>
            <p:nvPr/>
          </p:nvGrpSpPr>
          <p:grpSpPr bwMode="gray">
            <a:xfrm>
              <a:off x="324487" y="2057426"/>
              <a:ext cx="1938812" cy="97488"/>
              <a:chOff x="312738" y="2747963"/>
              <a:chExt cx="1970087" cy="109537"/>
            </a:xfrm>
          </p:grpSpPr>
          <p:sp>
            <p:nvSpPr>
              <p:cNvPr id="11" name="正方形/長方形 42">
                <a:extLst>
                  <a:ext uri="{FF2B5EF4-FFF2-40B4-BE49-F238E27FC236}">
                    <a16:creationId xmlns:a16="http://schemas.microsoft.com/office/drawing/2014/main" id="{6DDE0990-A36E-471E-933F-CBBD7D5F100B}"/>
                  </a:ext>
                </a:extLst>
              </p:cNvPr>
              <p:cNvSpPr/>
              <p:nvPr/>
            </p:nvSpPr>
            <p:spPr bwMode="gray">
              <a:xfrm>
                <a:off x="312738" y="2747963"/>
                <a:ext cx="1970087" cy="109537"/>
              </a:xfrm>
              <a:prstGeom prst="rect">
                <a:avLst/>
              </a:prstGeom>
              <a:solidFill>
                <a:srgbClr val="FF0026"/>
              </a:solidFill>
              <a:ln w="9525">
                <a:noFill/>
                <a:miter lim="800000"/>
                <a:headEnd/>
                <a:tailEnd/>
              </a:ln>
              <a:effectLst/>
            </p:spPr>
            <p:txBody>
              <a:bodyPr wrap="none" anchor="ctr"/>
              <a:lstStyle/>
              <a:p>
                <a:pPr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kumimoji="0" lang="en-US" altLang="ja-JP" sz="2400" kern="0" dirty="0">
                  <a:solidFill>
                    <a:sysClr val="windowText" lastClr="000000"/>
                  </a:solidFill>
                </a:endParaRPr>
              </a:p>
            </p:txBody>
          </p:sp>
          <p:sp>
            <p:nvSpPr>
              <p:cNvPr id="12" name="正方形/長方形 43">
                <a:extLst>
                  <a:ext uri="{FF2B5EF4-FFF2-40B4-BE49-F238E27FC236}">
                    <a16:creationId xmlns:a16="http://schemas.microsoft.com/office/drawing/2014/main" id="{CCC91D33-C000-46EE-8043-68A33CD8C5CB}"/>
                  </a:ext>
                </a:extLst>
              </p:cNvPr>
              <p:cNvSpPr/>
              <p:nvPr/>
            </p:nvSpPr>
            <p:spPr bwMode="gray">
              <a:xfrm>
                <a:off x="312738" y="2747963"/>
                <a:ext cx="985837" cy="109537"/>
              </a:xfrm>
              <a:prstGeom prst="rect">
                <a:avLst/>
              </a:prstGeom>
              <a:solidFill>
                <a:srgbClr val="B3B3B3"/>
              </a:solidFill>
              <a:ln w="9525">
                <a:noFill/>
                <a:miter lim="800000"/>
                <a:headEnd/>
                <a:tailEnd/>
              </a:ln>
              <a:effectLst/>
            </p:spPr>
            <p:txBody>
              <a:bodyPr wrap="none" anchor="ctr"/>
              <a:lstStyle/>
              <a:p>
                <a:pPr algn="l"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kumimoji="0" lang="en-US" altLang="ja-JP" sz="2400" kern="0" dirty="0">
                  <a:solidFill>
                    <a:sysClr val="windowText" lastClr="000000"/>
                  </a:solidFill>
                </a:endParaRPr>
              </a:p>
            </p:txBody>
          </p:sp>
        </p:grpSp>
      </p:grpSp>
      <p:pic>
        <p:nvPicPr>
          <p:cNvPr id="13" name="Graphic 12">
            <a:extLst>
              <a:ext uri="{FF2B5EF4-FFF2-40B4-BE49-F238E27FC236}">
                <a16:creationId xmlns:a16="http://schemas.microsoft.com/office/drawing/2014/main" id="{5FE3BFDD-994B-4A75-934D-9FE05C5D6B9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8101664" y="41555"/>
            <a:ext cx="4054618" cy="962688"/>
          </a:xfrm>
          <a:prstGeom prst="rect">
            <a:avLst/>
          </a:prstGeom>
        </p:spPr>
      </p:pic>
      <p:sp>
        <p:nvSpPr>
          <p:cNvPr id="15" name="TextBox 14">
            <a:extLst>
              <a:ext uri="{FF2B5EF4-FFF2-40B4-BE49-F238E27FC236}">
                <a16:creationId xmlns:a16="http://schemas.microsoft.com/office/drawing/2014/main" id="{AD36A26B-CDD1-4B69-AB11-52CDEC80C946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  <p:sp>
        <p:nvSpPr>
          <p:cNvPr id="4" name="text" descr="{&#10; &quot;SkabelonDesign&quot;: {&#10; &quot;textualValue&quot;: &quot;&lt;key1/&gt;&quot;,&#10; &quot;bindingCollection&quot;: {&#10; &quot;key1&quot;: {&quot;SkabelonDesign&quot;:{&quot;type&quot;:&quot;Text&quot;,&quot;binding&quot;:&quot;Copyright&quot;}}&#10; }&#10; }&#10;}">
            <a:extLst>
              <a:ext uri="{FF2B5EF4-FFF2-40B4-BE49-F238E27FC236}">
                <a16:creationId xmlns:a16="http://schemas.microsoft.com/office/drawing/2014/main" id="{A2D70D5A-D748-4762-809E-3346AFAD87A3}"/>
              </a:ext>
            </a:extLst>
          </p:cNvPr>
          <p:cNvSpPr txBox="1"/>
          <p:nvPr userDrawn="1"/>
        </p:nvSpPr>
        <p:spPr bwMode="gray">
          <a:xfrm>
            <a:off x="9384507" y="6604001"/>
            <a:ext cx="2160000" cy="224432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 anchor="ctr">
            <a:noAutofit/>
          </a:bodyPr>
          <a:lstStyle/>
          <a:p>
            <a:pPr marL="0" marR="0" lvl="0" indent="0" algn="l" defTabSz="914491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730" b="0" i="0" u="none" strike="noStrike" kern="1200" cap="none" spc="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© Hitachi ABB Power Grids 2020. All rights reserved</a:t>
            </a:r>
            <a:endParaRPr kumimoji="0" lang="en-US" sz="73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619101021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Divider 1.0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5BD04DA-BB47-4750-8A44-88B15E82698A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1595639" y="3225600"/>
            <a:ext cx="8815185" cy="666000"/>
          </a:xfrm>
        </p:spPr>
        <p:txBody>
          <a:bodyPr anchor="t"/>
          <a:lstStyle>
            <a:lvl1pPr algn="l">
              <a:defRPr sz="48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Divider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77D401E-C526-460A-93D8-F3AC71E51603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1594566" y="3945041"/>
            <a:ext cx="8815185" cy="648000"/>
          </a:xfrm>
        </p:spPr>
        <p:txBody>
          <a:bodyPr lIns="36000" tIns="0"/>
          <a:lstStyle>
            <a:lvl1pPr marL="0" indent="0" algn="l">
              <a:buNone/>
              <a:defRPr sz="3200"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Version 1.0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C335698-AD40-4284-9146-56895C16638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accent4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3815D6C-0C71-4C18-998E-2E308A2ABC6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grpSp>
        <p:nvGrpSpPr>
          <p:cNvPr id="8" name="グループ化 39">
            <a:extLst>
              <a:ext uri="{FF2B5EF4-FFF2-40B4-BE49-F238E27FC236}">
                <a16:creationId xmlns:a16="http://schemas.microsoft.com/office/drawing/2014/main" id="{B3FFABD1-269F-4846-BFA7-64B93DCEC6FF}"/>
              </a:ext>
            </a:extLst>
          </p:cNvPr>
          <p:cNvGrpSpPr/>
          <p:nvPr userDrawn="1"/>
        </p:nvGrpSpPr>
        <p:grpSpPr bwMode="gray">
          <a:xfrm>
            <a:off x="263526" y="2708310"/>
            <a:ext cx="11664950" cy="129984"/>
            <a:chOff x="324487" y="2057426"/>
            <a:chExt cx="8495663" cy="97488"/>
          </a:xfrm>
        </p:grpSpPr>
        <p:sp>
          <p:nvSpPr>
            <p:cNvPr id="9" name="正方形/長方形 11">
              <a:extLst>
                <a:ext uri="{FF2B5EF4-FFF2-40B4-BE49-F238E27FC236}">
                  <a16:creationId xmlns:a16="http://schemas.microsoft.com/office/drawing/2014/main" id="{4E3F898B-5217-45A3-AF93-4EDA063B5749}"/>
                </a:ext>
              </a:extLst>
            </p:cNvPr>
            <p:cNvSpPr>
              <a:spLocks noChangeArrowheads="1"/>
            </p:cNvSpPr>
            <p:nvPr/>
          </p:nvSpPr>
          <p:spPr bwMode="gray">
            <a:xfrm>
              <a:off x="324489" y="2057426"/>
              <a:ext cx="8495661" cy="97488"/>
            </a:xfrm>
            <a:prstGeom prst="rect">
              <a:avLst/>
            </a:prstGeom>
            <a:solidFill>
              <a:srgbClr val="73737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US" altLang="ja-JP" sz="4623" dirty="0"/>
            </a:p>
          </p:txBody>
        </p:sp>
        <p:grpSp>
          <p:nvGrpSpPr>
            <p:cNvPr id="10" name="グループ化 16">
              <a:extLst>
                <a:ext uri="{FF2B5EF4-FFF2-40B4-BE49-F238E27FC236}">
                  <a16:creationId xmlns:a16="http://schemas.microsoft.com/office/drawing/2014/main" id="{CEAA1F3A-29E0-4030-B5D2-D5DBBF92BB2E}"/>
                </a:ext>
              </a:extLst>
            </p:cNvPr>
            <p:cNvGrpSpPr/>
            <p:nvPr/>
          </p:nvGrpSpPr>
          <p:grpSpPr bwMode="gray">
            <a:xfrm>
              <a:off x="324487" y="2057426"/>
              <a:ext cx="1938812" cy="97488"/>
              <a:chOff x="312738" y="2747963"/>
              <a:chExt cx="1970087" cy="109537"/>
            </a:xfrm>
          </p:grpSpPr>
          <p:sp>
            <p:nvSpPr>
              <p:cNvPr id="11" name="正方形/長方形 42">
                <a:extLst>
                  <a:ext uri="{FF2B5EF4-FFF2-40B4-BE49-F238E27FC236}">
                    <a16:creationId xmlns:a16="http://schemas.microsoft.com/office/drawing/2014/main" id="{6DDE0990-A36E-471E-933F-CBBD7D5F100B}"/>
                  </a:ext>
                </a:extLst>
              </p:cNvPr>
              <p:cNvSpPr/>
              <p:nvPr/>
            </p:nvSpPr>
            <p:spPr bwMode="gray">
              <a:xfrm>
                <a:off x="312738" y="2747963"/>
                <a:ext cx="1970087" cy="109537"/>
              </a:xfrm>
              <a:prstGeom prst="rect">
                <a:avLst/>
              </a:prstGeom>
              <a:solidFill>
                <a:srgbClr val="FF0026"/>
              </a:solidFill>
              <a:ln w="9525">
                <a:noFill/>
                <a:miter lim="800000"/>
                <a:headEnd/>
                <a:tailEnd/>
              </a:ln>
              <a:effectLst/>
            </p:spPr>
            <p:txBody>
              <a:bodyPr wrap="none" anchor="ctr"/>
              <a:lstStyle/>
              <a:p>
                <a:pPr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kumimoji="0" lang="en-US" altLang="ja-JP" sz="2400" kern="0" dirty="0">
                  <a:solidFill>
                    <a:sysClr val="windowText" lastClr="000000"/>
                  </a:solidFill>
                </a:endParaRPr>
              </a:p>
            </p:txBody>
          </p:sp>
          <p:sp>
            <p:nvSpPr>
              <p:cNvPr id="12" name="正方形/長方形 43">
                <a:extLst>
                  <a:ext uri="{FF2B5EF4-FFF2-40B4-BE49-F238E27FC236}">
                    <a16:creationId xmlns:a16="http://schemas.microsoft.com/office/drawing/2014/main" id="{CCC91D33-C000-46EE-8043-68A33CD8C5CB}"/>
                  </a:ext>
                </a:extLst>
              </p:cNvPr>
              <p:cNvSpPr/>
              <p:nvPr/>
            </p:nvSpPr>
            <p:spPr bwMode="gray">
              <a:xfrm>
                <a:off x="312738" y="2747963"/>
                <a:ext cx="985837" cy="109537"/>
              </a:xfrm>
              <a:prstGeom prst="rect">
                <a:avLst/>
              </a:prstGeom>
              <a:solidFill>
                <a:srgbClr val="B3B3B3"/>
              </a:solidFill>
              <a:ln w="9525">
                <a:noFill/>
                <a:miter lim="800000"/>
                <a:headEnd/>
                <a:tailEnd/>
              </a:ln>
              <a:effectLst/>
            </p:spPr>
            <p:txBody>
              <a:bodyPr wrap="none" anchor="ctr"/>
              <a:lstStyle/>
              <a:p>
                <a:pPr algn="l"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kumimoji="0" lang="en-US" altLang="ja-JP" sz="2400" kern="0" dirty="0">
                  <a:solidFill>
                    <a:sysClr val="windowText" lastClr="000000"/>
                  </a:solidFill>
                </a:endParaRPr>
              </a:p>
            </p:txBody>
          </p:sp>
        </p:grpSp>
      </p:grpSp>
      <p:pic>
        <p:nvPicPr>
          <p:cNvPr id="13" name="Graphic 12">
            <a:extLst>
              <a:ext uri="{FF2B5EF4-FFF2-40B4-BE49-F238E27FC236}">
                <a16:creationId xmlns:a16="http://schemas.microsoft.com/office/drawing/2014/main" id="{FA1122BB-230C-4847-B4DB-5993ECBB9E8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8101664" y="41555"/>
            <a:ext cx="4054618" cy="962688"/>
          </a:xfrm>
          <a:prstGeom prst="rect">
            <a:avLst/>
          </a:prstGeom>
        </p:spPr>
      </p:pic>
      <p:sp>
        <p:nvSpPr>
          <p:cNvPr id="15" name="TextBox 14">
            <a:extLst>
              <a:ext uri="{FF2B5EF4-FFF2-40B4-BE49-F238E27FC236}">
                <a16:creationId xmlns:a16="http://schemas.microsoft.com/office/drawing/2014/main" id="{3DEE2B61-FBE9-4E5F-BE7B-55479B0F5AA9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  <p:sp>
        <p:nvSpPr>
          <p:cNvPr id="4" name="text" descr="{&#10; &quot;SkabelonDesign&quot;: {&#10; &quot;textualValue&quot;: &quot;&lt;key1/&gt;&quot;,&#10; &quot;bindingCollection&quot;: {&#10; &quot;key1&quot;: {&quot;SkabelonDesign&quot;:{&quot;type&quot;:&quot;Text&quot;,&quot;binding&quot;:&quot;Copyright&quot;}}&#10; }&#10; }&#10;}">
            <a:extLst>
              <a:ext uri="{FF2B5EF4-FFF2-40B4-BE49-F238E27FC236}">
                <a16:creationId xmlns:a16="http://schemas.microsoft.com/office/drawing/2014/main" id="{EBD09944-D74A-4A12-B3E2-E9738BE1E4B8}"/>
              </a:ext>
            </a:extLst>
          </p:cNvPr>
          <p:cNvSpPr txBox="1"/>
          <p:nvPr userDrawn="1"/>
        </p:nvSpPr>
        <p:spPr bwMode="gray">
          <a:xfrm>
            <a:off x="9384507" y="6604001"/>
            <a:ext cx="2160000" cy="224432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 anchor="ctr">
            <a:noAutofit/>
          </a:bodyPr>
          <a:lstStyle/>
          <a:p>
            <a:pPr marL="0" marR="0" lvl="0" indent="0" algn="l" defTabSz="914491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730" b="0" i="0" u="none" strike="noStrike" kern="1200" cap="none" spc="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© Hitachi ABB Power Grids 2020. All rights reserved</a:t>
            </a:r>
            <a:endParaRPr kumimoji="0" lang="en-US" sz="73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919803989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o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CF3CEB55-43B2-42DD-BF0B-B2695AECA814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3089751126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0CF477D-6C63-4F4F-9AE3-EEDFA6E93E4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2C952F2A-5B19-4C40-87A1-F6B2C675C7FC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1667475343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2" name="Content Placeholder 8">
            <a:extLst>
              <a:ext uri="{FF2B5EF4-FFF2-40B4-BE49-F238E27FC236}">
                <a16:creationId xmlns:a16="http://schemas.microsoft.com/office/drawing/2014/main" id="{6F615568-8BB1-4119-9F0E-EB669FFD48CE}"/>
              </a:ext>
            </a:extLst>
          </p:cNvPr>
          <p:cNvSpPr>
            <a:spLocks noGrp="1"/>
          </p:cNvSpPr>
          <p:nvPr>
            <p:ph sz="quarter" idx="21"/>
          </p:nvPr>
        </p:nvSpPr>
        <p:spPr bwMode="gray">
          <a:xfrm>
            <a:off x="263525" y="1484462"/>
            <a:ext cx="11664950" cy="4860776"/>
          </a:xfrm>
        </p:spPr>
        <p:txBody>
          <a:bodyPr lIns="0" tIns="0" r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2B33F7BB-2950-4BC1-A9AA-52FECA7F766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2D88CB0B-8C40-4BC9-A32E-CDBCE3A94698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95650819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E2E7343-51FD-4F79-9248-2081588AD7C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pl-PL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851A277-3791-44A9-A0DA-DE4F60B5EFD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pl-PL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1D53E1C-625C-456E-8FA0-E15FBD7CC58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C09CA78-A29A-4CD4-9A25-957092CA3074}" type="datetimeFigureOut">
              <a:rPr lang="pl-PL" smtClean="0"/>
              <a:t>21.07.2021</a:t>
            </a:fld>
            <a:endParaRPr lang="pl-PL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071F7BC-2669-4847-9110-E77DD0FAEA5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l-PL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E4228D1-BC8A-4E74-93A5-36D6023D43F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C577F83-369C-4B9F-8EE9-95C30396C532}" type="slidenum">
              <a:rPr lang="pl-PL" smtClean="0"/>
              <a:t>‹#›</a:t>
            </a:fld>
            <a:endParaRPr lang="pl-PL"/>
          </a:p>
        </p:txBody>
      </p:sp>
    </p:spTree>
    <p:extLst>
      <p:ext uri="{BB962C8B-B14F-4D97-AF65-F5344CB8AC3E}">
        <p14:creationId xmlns:p14="http://schemas.microsoft.com/office/powerpoint/2010/main" val="3464226646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&amp; Bo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F54091EA-6C3E-4A95-92A1-B050758AD4C9}"/>
              </a:ext>
            </a:extLst>
          </p:cNvPr>
          <p:cNvSpPr>
            <a:spLocks noGrp="1"/>
          </p:cNvSpPr>
          <p:nvPr>
            <p:ph sz="quarter" idx="21"/>
          </p:nvPr>
        </p:nvSpPr>
        <p:spPr bwMode="gray">
          <a:xfrm>
            <a:off x="263525" y="1484462"/>
            <a:ext cx="11664950" cy="4110440"/>
          </a:xfrm>
        </p:spPr>
        <p:txBody>
          <a:bodyPr lIns="0" tIns="0" r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1" name="Text Placeholder 7">
            <a:extLst>
              <a:ext uri="{FF2B5EF4-FFF2-40B4-BE49-F238E27FC236}">
                <a16:creationId xmlns:a16="http://schemas.microsoft.com/office/drawing/2014/main" id="{742BE3E5-C35B-483A-9FF2-1492C28E74EC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 bwMode="gray">
          <a:xfrm>
            <a:off x="0" y="5805264"/>
            <a:ext cx="12192000" cy="539974"/>
          </a:xfrm>
          <a:solidFill>
            <a:schemeClr val="accent6"/>
          </a:solidFill>
        </p:spPr>
        <p:txBody>
          <a:bodyPr lIns="252000" tIns="0" rIns="25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6pPr>
            <a:lvl7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7pPr>
            <a:lvl8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8pPr>
            <a:lvl9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C2C57A89-9255-4D37-ADA0-58485848A93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7C3482C8-98FA-4873-83FB-22680F956D6D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2758044780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&amp;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5" name="Text Placeholder 11">
            <a:extLst>
              <a:ext uri="{FF2B5EF4-FFF2-40B4-BE49-F238E27FC236}">
                <a16:creationId xmlns:a16="http://schemas.microsoft.com/office/drawing/2014/main" id="{FAC527E1-CBF6-43CE-BCF3-6359E433CFDE}"/>
              </a:ext>
            </a:extLst>
          </p:cNvPr>
          <p:cNvSpPr>
            <a:spLocks noGrp="1"/>
          </p:cNvSpPr>
          <p:nvPr>
            <p:ph type="body" sz="quarter" idx="30"/>
          </p:nvPr>
        </p:nvSpPr>
        <p:spPr bwMode="gray">
          <a:xfrm>
            <a:off x="263525" y="1473607"/>
            <a:ext cx="11664950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6" name="Content Placeholder 15">
            <a:extLst>
              <a:ext uri="{FF2B5EF4-FFF2-40B4-BE49-F238E27FC236}">
                <a16:creationId xmlns:a16="http://schemas.microsoft.com/office/drawing/2014/main" id="{6D6E47E2-CFF9-4929-BE9D-85365E9413F8}"/>
              </a:ext>
            </a:extLst>
          </p:cNvPr>
          <p:cNvSpPr>
            <a:spLocks noGrp="1"/>
          </p:cNvSpPr>
          <p:nvPr>
            <p:ph sz="quarter" idx="19"/>
          </p:nvPr>
        </p:nvSpPr>
        <p:spPr bwMode="gray">
          <a:xfrm>
            <a:off x="263525" y="1844826"/>
            <a:ext cx="11664950" cy="4500412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3EB01191-2991-470F-8717-A3BD9DDF0C5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914AFA3A-01C4-4253-93CD-F91EDA80485A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2947828407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&amp; Content &amp; Bo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5" name="Text Placeholder 11">
            <a:extLst>
              <a:ext uri="{FF2B5EF4-FFF2-40B4-BE49-F238E27FC236}">
                <a16:creationId xmlns:a16="http://schemas.microsoft.com/office/drawing/2014/main" id="{FAC527E1-CBF6-43CE-BCF3-6359E433CFDE}"/>
              </a:ext>
            </a:extLst>
          </p:cNvPr>
          <p:cNvSpPr>
            <a:spLocks noGrp="1"/>
          </p:cNvSpPr>
          <p:nvPr>
            <p:ph type="body" sz="quarter" idx="30"/>
          </p:nvPr>
        </p:nvSpPr>
        <p:spPr bwMode="gray">
          <a:xfrm>
            <a:off x="263525" y="1473607"/>
            <a:ext cx="11664950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6" name="Content Placeholder 15">
            <a:extLst>
              <a:ext uri="{FF2B5EF4-FFF2-40B4-BE49-F238E27FC236}">
                <a16:creationId xmlns:a16="http://schemas.microsoft.com/office/drawing/2014/main" id="{6D6E47E2-CFF9-4929-BE9D-85365E9413F8}"/>
              </a:ext>
            </a:extLst>
          </p:cNvPr>
          <p:cNvSpPr>
            <a:spLocks noGrp="1"/>
          </p:cNvSpPr>
          <p:nvPr>
            <p:ph sz="quarter" idx="19"/>
          </p:nvPr>
        </p:nvSpPr>
        <p:spPr bwMode="gray">
          <a:xfrm>
            <a:off x="263525" y="1844826"/>
            <a:ext cx="11664950" cy="3816422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0" name="Text Placeholder 7">
            <a:extLst>
              <a:ext uri="{FF2B5EF4-FFF2-40B4-BE49-F238E27FC236}">
                <a16:creationId xmlns:a16="http://schemas.microsoft.com/office/drawing/2014/main" id="{AABAAD68-8B16-486F-BAEC-5ACAD86B61EC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 bwMode="gray">
          <a:xfrm>
            <a:off x="0" y="5805264"/>
            <a:ext cx="12192000" cy="539974"/>
          </a:xfrm>
          <a:solidFill>
            <a:schemeClr val="accent6"/>
          </a:solidFill>
        </p:spPr>
        <p:txBody>
          <a:bodyPr lIns="252000" tIns="0" rIns="25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6pPr>
            <a:lvl7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7pPr>
            <a:lvl8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8pPr>
            <a:lvl9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F10F195E-83B2-41A2-8F36-04F29336C23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3CE987E3-375B-412A-B11B-3C2584C4B8D3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3134519560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(2) &amp; Content (2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29" name="Text Placeholder 11">
            <a:extLst>
              <a:ext uri="{FF2B5EF4-FFF2-40B4-BE49-F238E27FC236}">
                <a16:creationId xmlns:a16="http://schemas.microsoft.com/office/drawing/2014/main" id="{77CF11F9-392A-4F9A-A9E9-90FDCBED0EAE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263524" y="1473607"/>
            <a:ext cx="5615516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30" name="Text Placeholder 11">
            <a:extLst>
              <a:ext uri="{FF2B5EF4-FFF2-40B4-BE49-F238E27FC236}">
                <a16:creationId xmlns:a16="http://schemas.microsoft.com/office/drawing/2014/main" id="{684B176C-259C-4283-A8C6-335BD6553B0C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 bwMode="gray">
          <a:xfrm>
            <a:off x="6311571" y="1473607"/>
            <a:ext cx="5605200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31" name="Content Placeholder 3">
            <a:extLst>
              <a:ext uri="{FF2B5EF4-FFF2-40B4-BE49-F238E27FC236}">
                <a16:creationId xmlns:a16="http://schemas.microsoft.com/office/drawing/2014/main" id="{2EE9DBAB-CFE0-42C2-B2D3-65B2D93F8BB9}"/>
              </a:ext>
            </a:extLst>
          </p:cNvPr>
          <p:cNvSpPr>
            <a:spLocks noGrp="1"/>
          </p:cNvSpPr>
          <p:nvPr>
            <p:ph sz="quarter" idx="20"/>
          </p:nvPr>
        </p:nvSpPr>
        <p:spPr bwMode="gray">
          <a:xfrm>
            <a:off x="6310511" y="1844826"/>
            <a:ext cx="5616503" cy="4500412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32" name="Content Placeholder 3">
            <a:extLst>
              <a:ext uri="{FF2B5EF4-FFF2-40B4-BE49-F238E27FC236}">
                <a16:creationId xmlns:a16="http://schemas.microsoft.com/office/drawing/2014/main" id="{5CDF3E76-DB43-4E8F-87C4-29ECB4438624}"/>
              </a:ext>
            </a:extLst>
          </p:cNvPr>
          <p:cNvSpPr>
            <a:spLocks noGrp="1"/>
          </p:cNvSpPr>
          <p:nvPr>
            <p:ph sz="quarter" idx="19"/>
          </p:nvPr>
        </p:nvSpPr>
        <p:spPr bwMode="gray">
          <a:xfrm>
            <a:off x="263524" y="1844826"/>
            <a:ext cx="5615515" cy="4500412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7" name="Picture Placeholder 24">
            <a:extLst>
              <a:ext uri="{FF2B5EF4-FFF2-40B4-BE49-F238E27FC236}">
                <a16:creationId xmlns:a16="http://schemas.microsoft.com/office/drawing/2014/main" id="{551CEF45-E1E5-4A09-AF12-AA34392BA9A5}"/>
              </a:ext>
            </a:extLst>
          </p:cNvPr>
          <p:cNvSpPr>
            <a:spLocks noGrp="1"/>
          </p:cNvSpPr>
          <p:nvPr>
            <p:ph type="pic" sz="quarter" idx="33" hasCustomPrompt="1"/>
          </p:nvPr>
        </p:nvSpPr>
        <p:spPr>
          <a:xfrm>
            <a:off x="264913" y="1361963"/>
            <a:ext cx="5616000" cy="28800"/>
          </a:xfrm>
          <a:solidFill>
            <a:schemeClr val="tx2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19" name="Picture Placeholder 24">
            <a:extLst>
              <a:ext uri="{FF2B5EF4-FFF2-40B4-BE49-F238E27FC236}">
                <a16:creationId xmlns:a16="http://schemas.microsoft.com/office/drawing/2014/main" id="{4BDB2C87-BA9A-4C26-B071-D2A7AE38188C}"/>
              </a:ext>
            </a:extLst>
          </p:cNvPr>
          <p:cNvSpPr>
            <a:spLocks noGrp="1"/>
          </p:cNvSpPr>
          <p:nvPr>
            <p:ph type="pic" sz="quarter" idx="34" hasCustomPrompt="1"/>
          </p:nvPr>
        </p:nvSpPr>
        <p:spPr>
          <a:xfrm>
            <a:off x="6312475" y="1361963"/>
            <a:ext cx="5616000" cy="28800"/>
          </a:xfrm>
          <a:solidFill>
            <a:schemeClr val="tx1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8E51AC65-A913-4EDC-BBFD-A07E0F97055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6686C526-7F58-4568-B39A-397BB90D5FF1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35735482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(2) &amp; Content (2) &amp; Bo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6" name="Text Placeholder 11">
            <a:extLst>
              <a:ext uri="{FF2B5EF4-FFF2-40B4-BE49-F238E27FC236}">
                <a16:creationId xmlns:a16="http://schemas.microsoft.com/office/drawing/2014/main" id="{BE773D7E-8737-4549-BA6F-9CD12F2D24F5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263524" y="1473607"/>
            <a:ext cx="5615516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7" name="Text Placeholder 11">
            <a:extLst>
              <a:ext uri="{FF2B5EF4-FFF2-40B4-BE49-F238E27FC236}">
                <a16:creationId xmlns:a16="http://schemas.microsoft.com/office/drawing/2014/main" id="{7F36FFC0-2B26-4B6E-81E9-87E8914B4DE9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 bwMode="gray">
          <a:xfrm>
            <a:off x="6311571" y="1473607"/>
            <a:ext cx="5605200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8" name="Content Placeholder 3">
            <a:extLst>
              <a:ext uri="{FF2B5EF4-FFF2-40B4-BE49-F238E27FC236}">
                <a16:creationId xmlns:a16="http://schemas.microsoft.com/office/drawing/2014/main" id="{CB0DE72E-A072-4713-B9D3-7CF3F972BD71}"/>
              </a:ext>
            </a:extLst>
          </p:cNvPr>
          <p:cNvSpPr>
            <a:spLocks noGrp="1"/>
          </p:cNvSpPr>
          <p:nvPr>
            <p:ph sz="quarter" idx="20"/>
          </p:nvPr>
        </p:nvSpPr>
        <p:spPr bwMode="gray">
          <a:xfrm>
            <a:off x="6310511" y="1844826"/>
            <a:ext cx="5616503" cy="3750076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9" name="Content Placeholder 3">
            <a:extLst>
              <a:ext uri="{FF2B5EF4-FFF2-40B4-BE49-F238E27FC236}">
                <a16:creationId xmlns:a16="http://schemas.microsoft.com/office/drawing/2014/main" id="{06D04365-BF08-447A-9A64-A43CDFB2EB55}"/>
              </a:ext>
            </a:extLst>
          </p:cNvPr>
          <p:cNvSpPr>
            <a:spLocks noGrp="1"/>
          </p:cNvSpPr>
          <p:nvPr>
            <p:ph sz="quarter" idx="19"/>
          </p:nvPr>
        </p:nvSpPr>
        <p:spPr bwMode="gray">
          <a:xfrm>
            <a:off x="263524" y="1844826"/>
            <a:ext cx="5615515" cy="3750076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4" name="Text Placeholder 7">
            <a:extLst>
              <a:ext uri="{FF2B5EF4-FFF2-40B4-BE49-F238E27FC236}">
                <a16:creationId xmlns:a16="http://schemas.microsoft.com/office/drawing/2014/main" id="{EA4E27D0-DBD6-427E-9C38-152E21795D9A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 bwMode="gray">
          <a:xfrm>
            <a:off x="0" y="5805264"/>
            <a:ext cx="12192000" cy="539974"/>
          </a:xfrm>
          <a:solidFill>
            <a:schemeClr val="accent6"/>
          </a:solidFill>
        </p:spPr>
        <p:txBody>
          <a:bodyPr lIns="252000" tIns="0" rIns="25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6pPr>
            <a:lvl7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7pPr>
            <a:lvl8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8pPr>
            <a:lvl9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5" name="Picture Placeholder 24">
            <a:extLst>
              <a:ext uri="{FF2B5EF4-FFF2-40B4-BE49-F238E27FC236}">
                <a16:creationId xmlns:a16="http://schemas.microsoft.com/office/drawing/2014/main" id="{85C309D6-3FA5-498F-AC6B-F6A20E8C6D33}"/>
              </a:ext>
            </a:extLst>
          </p:cNvPr>
          <p:cNvSpPr>
            <a:spLocks noGrp="1"/>
          </p:cNvSpPr>
          <p:nvPr>
            <p:ph type="pic" sz="quarter" idx="33" hasCustomPrompt="1"/>
          </p:nvPr>
        </p:nvSpPr>
        <p:spPr>
          <a:xfrm>
            <a:off x="264913" y="1361963"/>
            <a:ext cx="5616000" cy="28800"/>
          </a:xfrm>
          <a:solidFill>
            <a:schemeClr val="tx2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20" name="Picture Placeholder 24">
            <a:extLst>
              <a:ext uri="{FF2B5EF4-FFF2-40B4-BE49-F238E27FC236}">
                <a16:creationId xmlns:a16="http://schemas.microsoft.com/office/drawing/2014/main" id="{73C95AB0-9EAA-43E7-85C6-A45B2EDF1518}"/>
              </a:ext>
            </a:extLst>
          </p:cNvPr>
          <p:cNvSpPr>
            <a:spLocks noGrp="1"/>
          </p:cNvSpPr>
          <p:nvPr>
            <p:ph type="pic" sz="quarter" idx="34" hasCustomPrompt="1"/>
          </p:nvPr>
        </p:nvSpPr>
        <p:spPr>
          <a:xfrm>
            <a:off x="6312475" y="1361963"/>
            <a:ext cx="5616000" cy="28800"/>
          </a:xfrm>
          <a:solidFill>
            <a:schemeClr val="tx1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21" name="Title 1">
            <a:extLst>
              <a:ext uri="{FF2B5EF4-FFF2-40B4-BE49-F238E27FC236}">
                <a16:creationId xmlns:a16="http://schemas.microsoft.com/office/drawing/2014/main" id="{60F44204-EEB3-4F01-B49E-2A16F4D8A8E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7514B1AC-B0D0-413B-AA1B-BEED78B23AC5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384051762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&amp; Content (2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8" name="Picture Placeholder 3">
            <a:extLst>
              <a:ext uri="{FF2B5EF4-FFF2-40B4-BE49-F238E27FC236}">
                <a16:creationId xmlns:a16="http://schemas.microsoft.com/office/drawing/2014/main" id="{33F13BF9-1311-4811-A51C-9FFEF446C948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6310313" y="1473607"/>
            <a:ext cx="5616575" cy="4871631"/>
          </a:xfrm>
          <a:noFill/>
        </p:spPr>
        <p:txBody>
          <a:bodyPr tIns="756000" anchor="ctr"/>
          <a:lstStyle>
            <a:lvl1pPr algn="ctr">
              <a:defRPr>
                <a:solidFill>
                  <a:schemeClr val="accent4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8" name="Text Placeholder 11">
            <a:extLst>
              <a:ext uri="{FF2B5EF4-FFF2-40B4-BE49-F238E27FC236}">
                <a16:creationId xmlns:a16="http://schemas.microsoft.com/office/drawing/2014/main" id="{D81C83C8-EE7C-474B-8A4C-FA0B57CF4633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263524" y="1473607"/>
            <a:ext cx="5615516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9" name="Content Placeholder 3">
            <a:extLst>
              <a:ext uri="{FF2B5EF4-FFF2-40B4-BE49-F238E27FC236}">
                <a16:creationId xmlns:a16="http://schemas.microsoft.com/office/drawing/2014/main" id="{90F2AEDF-5408-4280-B382-645AF1003C84}"/>
              </a:ext>
            </a:extLst>
          </p:cNvPr>
          <p:cNvSpPr>
            <a:spLocks noGrp="1"/>
          </p:cNvSpPr>
          <p:nvPr>
            <p:ph sz="quarter" idx="19"/>
          </p:nvPr>
        </p:nvSpPr>
        <p:spPr bwMode="gray">
          <a:xfrm>
            <a:off x="263524" y="1844826"/>
            <a:ext cx="5615515" cy="4500412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AD1B31ED-E7F7-4220-8A41-FD0D2DB4229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BE8EF401-6305-46FB-917A-F935E5C554B2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3804555739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&amp; Content (2) &amp; Box (2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5" name="Picture Placeholder 3">
            <a:extLst>
              <a:ext uri="{FF2B5EF4-FFF2-40B4-BE49-F238E27FC236}">
                <a16:creationId xmlns:a16="http://schemas.microsoft.com/office/drawing/2014/main" id="{545FE617-D52B-476E-948B-310DEA38FD3E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6310313" y="1473607"/>
            <a:ext cx="5616575" cy="4187622"/>
          </a:xfrm>
          <a:noFill/>
        </p:spPr>
        <p:txBody>
          <a:bodyPr tIns="756000" anchor="ctr"/>
          <a:lstStyle>
            <a:lvl1pPr algn="ctr">
              <a:defRPr>
                <a:solidFill>
                  <a:schemeClr val="accent4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08FD9A92-F0CB-4C7E-924C-849F9F88C97A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263524" y="1473607"/>
            <a:ext cx="5615516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3" name="Content Placeholder 3">
            <a:extLst>
              <a:ext uri="{FF2B5EF4-FFF2-40B4-BE49-F238E27FC236}">
                <a16:creationId xmlns:a16="http://schemas.microsoft.com/office/drawing/2014/main" id="{18FC10F9-7B1A-4EE2-839B-96181B8B1B71}"/>
              </a:ext>
            </a:extLst>
          </p:cNvPr>
          <p:cNvSpPr>
            <a:spLocks noGrp="1"/>
          </p:cNvSpPr>
          <p:nvPr>
            <p:ph sz="quarter" idx="19"/>
          </p:nvPr>
        </p:nvSpPr>
        <p:spPr bwMode="gray">
          <a:xfrm>
            <a:off x="263524" y="1844826"/>
            <a:ext cx="5615515" cy="3750076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4" name="Text Placeholder 7">
            <a:extLst>
              <a:ext uri="{FF2B5EF4-FFF2-40B4-BE49-F238E27FC236}">
                <a16:creationId xmlns:a16="http://schemas.microsoft.com/office/drawing/2014/main" id="{472A5454-E304-485F-BED3-72DE598380D5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 bwMode="gray">
          <a:xfrm>
            <a:off x="0" y="5805264"/>
            <a:ext cx="12192000" cy="539974"/>
          </a:xfrm>
          <a:solidFill>
            <a:schemeClr val="accent6"/>
          </a:solidFill>
        </p:spPr>
        <p:txBody>
          <a:bodyPr lIns="252000" tIns="0" rIns="25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6pPr>
            <a:lvl7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7pPr>
            <a:lvl8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8pPr>
            <a:lvl9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6" name="Title 1">
            <a:extLst>
              <a:ext uri="{FF2B5EF4-FFF2-40B4-BE49-F238E27FC236}">
                <a16:creationId xmlns:a16="http://schemas.microsoft.com/office/drawing/2014/main" id="{B7C40710-3A2B-42E1-9BDA-515066820A1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230E8545-8FA3-498E-8E1D-54E551CB2DD7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1311285715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(2) &amp; Content (2) (2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20" name="Text Placeholder 11">
            <a:extLst>
              <a:ext uri="{FF2B5EF4-FFF2-40B4-BE49-F238E27FC236}">
                <a16:creationId xmlns:a16="http://schemas.microsoft.com/office/drawing/2014/main" id="{A599E7F5-F415-4C65-8A99-EC0A5EE97939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263524" y="1473607"/>
            <a:ext cx="3671176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1" name="Content Placeholder 3">
            <a:extLst>
              <a:ext uri="{FF2B5EF4-FFF2-40B4-BE49-F238E27FC236}">
                <a16:creationId xmlns:a16="http://schemas.microsoft.com/office/drawing/2014/main" id="{27E9E322-46EC-4812-B19E-68EF57BB65AB}"/>
              </a:ext>
            </a:extLst>
          </p:cNvPr>
          <p:cNvSpPr>
            <a:spLocks noGrp="1"/>
          </p:cNvSpPr>
          <p:nvPr>
            <p:ph sz="quarter" idx="19"/>
          </p:nvPr>
        </p:nvSpPr>
        <p:spPr bwMode="gray">
          <a:xfrm>
            <a:off x="263524" y="1844826"/>
            <a:ext cx="3671175" cy="4500412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24" name="Text Placeholder 11">
            <a:extLst>
              <a:ext uri="{FF2B5EF4-FFF2-40B4-BE49-F238E27FC236}">
                <a16:creationId xmlns:a16="http://schemas.microsoft.com/office/drawing/2014/main" id="{7AECB15B-5F0D-4632-BB23-2A56F9E9A20E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 bwMode="gray">
          <a:xfrm>
            <a:off x="4366170" y="1473607"/>
            <a:ext cx="7545699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5" name="Content Placeholder 3">
            <a:extLst>
              <a:ext uri="{FF2B5EF4-FFF2-40B4-BE49-F238E27FC236}">
                <a16:creationId xmlns:a16="http://schemas.microsoft.com/office/drawing/2014/main" id="{E9CCB12E-B98C-43F0-816E-4E115D505FDA}"/>
              </a:ext>
            </a:extLst>
          </p:cNvPr>
          <p:cNvSpPr>
            <a:spLocks noGrp="1"/>
          </p:cNvSpPr>
          <p:nvPr>
            <p:ph sz="quarter" idx="20"/>
          </p:nvPr>
        </p:nvSpPr>
        <p:spPr bwMode="gray">
          <a:xfrm>
            <a:off x="4365111" y="1844825"/>
            <a:ext cx="7560915" cy="4500405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4" name="Picture Placeholder 24">
            <a:extLst>
              <a:ext uri="{FF2B5EF4-FFF2-40B4-BE49-F238E27FC236}">
                <a16:creationId xmlns:a16="http://schemas.microsoft.com/office/drawing/2014/main" id="{F9D3C576-FBDE-46B6-AA30-0C55A156B71C}"/>
              </a:ext>
            </a:extLst>
          </p:cNvPr>
          <p:cNvSpPr>
            <a:spLocks noGrp="1"/>
          </p:cNvSpPr>
          <p:nvPr>
            <p:ph type="pic" sz="quarter" idx="33" hasCustomPrompt="1"/>
          </p:nvPr>
        </p:nvSpPr>
        <p:spPr>
          <a:xfrm>
            <a:off x="264913" y="1361963"/>
            <a:ext cx="3672000" cy="28800"/>
          </a:xfrm>
          <a:solidFill>
            <a:schemeClr val="tx2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15" name="Picture Placeholder 24">
            <a:extLst>
              <a:ext uri="{FF2B5EF4-FFF2-40B4-BE49-F238E27FC236}">
                <a16:creationId xmlns:a16="http://schemas.microsoft.com/office/drawing/2014/main" id="{2A6CD859-3AF2-4F5D-B600-9B09D76CDA84}"/>
              </a:ext>
            </a:extLst>
          </p:cNvPr>
          <p:cNvSpPr>
            <a:spLocks noGrp="1"/>
          </p:cNvSpPr>
          <p:nvPr>
            <p:ph type="pic" sz="quarter" idx="34" hasCustomPrompt="1"/>
          </p:nvPr>
        </p:nvSpPr>
        <p:spPr>
          <a:xfrm>
            <a:off x="4366172" y="1361963"/>
            <a:ext cx="7560000" cy="28800"/>
          </a:xfrm>
          <a:solidFill>
            <a:schemeClr val="tx1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C9BC0EB3-0C96-4FAD-BB70-3339053B899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E4B3E7E4-2BE6-4AB6-A8FC-7530D6CCE4BA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1802257521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(2) &amp; Content (2) &amp; Box (v2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3" name="Text Placeholder 11">
            <a:extLst>
              <a:ext uri="{FF2B5EF4-FFF2-40B4-BE49-F238E27FC236}">
                <a16:creationId xmlns:a16="http://schemas.microsoft.com/office/drawing/2014/main" id="{AD71F2CD-2ABA-47E7-80A2-CB4906495392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263524" y="1473607"/>
            <a:ext cx="3671176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0" name="Content Placeholder 3">
            <a:extLst>
              <a:ext uri="{FF2B5EF4-FFF2-40B4-BE49-F238E27FC236}">
                <a16:creationId xmlns:a16="http://schemas.microsoft.com/office/drawing/2014/main" id="{12D8E76E-A1D6-4C7B-AC9A-D9C66C06AF94}"/>
              </a:ext>
            </a:extLst>
          </p:cNvPr>
          <p:cNvSpPr>
            <a:spLocks noGrp="1"/>
          </p:cNvSpPr>
          <p:nvPr>
            <p:ph sz="quarter" idx="19"/>
          </p:nvPr>
        </p:nvSpPr>
        <p:spPr bwMode="gray">
          <a:xfrm>
            <a:off x="263524" y="1844826"/>
            <a:ext cx="3671175" cy="3750082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21" name="Text Placeholder 11">
            <a:extLst>
              <a:ext uri="{FF2B5EF4-FFF2-40B4-BE49-F238E27FC236}">
                <a16:creationId xmlns:a16="http://schemas.microsoft.com/office/drawing/2014/main" id="{0D895BA9-38D6-49B2-82EE-7B9807252862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 bwMode="gray">
          <a:xfrm>
            <a:off x="4366170" y="1473607"/>
            <a:ext cx="7545699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2" name="Content Placeholder 3">
            <a:extLst>
              <a:ext uri="{FF2B5EF4-FFF2-40B4-BE49-F238E27FC236}">
                <a16:creationId xmlns:a16="http://schemas.microsoft.com/office/drawing/2014/main" id="{6071C9E5-62CE-489F-BACC-9EE6ECE4F55F}"/>
              </a:ext>
            </a:extLst>
          </p:cNvPr>
          <p:cNvSpPr>
            <a:spLocks noGrp="1"/>
          </p:cNvSpPr>
          <p:nvPr>
            <p:ph sz="quarter" idx="20"/>
          </p:nvPr>
        </p:nvSpPr>
        <p:spPr bwMode="gray">
          <a:xfrm>
            <a:off x="4365111" y="1844826"/>
            <a:ext cx="7560915" cy="3750076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9" name="Text Placeholder 7">
            <a:extLst>
              <a:ext uri="{FF2B5EF4-FFF2-40B4-BE49-F238E27FC236}">
                <a16:creationId xmlns:a16="http://schemas.microsoft.com/office/drawing/2014/main" id="{1BDAA8F4-93B7-40C6-881D-E92B143E296C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 bwMode="gray">
          <a:xfrm>
            <a:off x="0" y="5805264"/>
            <a:ext cx="12192000" cy="539974"/>
          </a:xfrm>
          <a:solidFill>
            <a:schemeClr val="accent6"/>
          </a:solidFill>
        </p:spPr>
        <p:txBody>
          <a:bodyPr lIns="252000" tIns="0" rIns="25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6pPr>
            <a:lvl7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7pPr>
            <a:lvl8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8pPr>
            <a:lvl9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5" name="Picture Placeholder 24">
            <a:extLst>
              <a:ext uri="{FF2B5EF4-FFF2-40B4-BE49-F238E27FC236}">
                <a16:creationId xmlns:a16="http://schemas.microsoft.com/office/drawing/2014/main" id="{75AAE91B-79B3-457D-9CD4-78C1F47A511E}"/>
              </a:ext>
            </a:extLst>
          </p:cNvPr>
          <p:cNvSpPr>
            <a:spLocks noGrp="1"/>
          </p:cNvSpPr>
          <p:nvPr>
            <p:ph type="pic" sz="quarter" idx="33" hasCustomPrompt="1"/>
          </p:nvPr>
        </p:nvSpPr>
        <p:spPr>
          <a:xfrm>
            <a:off x="264913" y="1361963"/>
            <a:ext cx="3672000" cy="28800"/>
          </a:xfrm>
          <a:solidFill>
            <a:schemeClr val="tx2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16" name="Picture Placeholder 24">
            <a:extLst>
              <a:ext uri="{FF2B5EF4-FFF2-40B4-BE49-F238E27FC236}">
                <a16:creationId xmlns:a16="http://schemas.microsoft.com/office/drawing/2014/main" id="{B7A65987-557C-4F64-B8D5-BEF9A2400CB2}"/>
              </a:ext>
            </a:extLst>
          </p:cNvPr>
          <p:cNvSpPr>
            <a:spLocks noGrp="1"/>
          </p:cNvSpPr>
          <p:nvPr>
            <p:ph type="pic" sz="quarter" idx="34" hasCustomPrompt="1"/>
          </p:nvPr>
        </p:nvSpPr>
        <p:spPr>
          <a:xfrm>
            <a:off x="4366172" y="1361963"/>
            <a:ext cx="7560000" cy="28800"/>
          </a:xfrm>
          <a:solidFill>
            <a:schemeClr val="tx1"/>
          </a:solidFill>
          <a:ln>
            <a:noFill/>
          </a:ln>
        </p:spPr>
        <p:txBody>
          <a:bodyPr/>
          <a:lstStyle/>
          <a:p>
            <a:r>
              <a:rPr lang="en-US" dirty="0"/>
              <a:t>.</a:t>
            </a:r>
          </a:p>
        </p:txBody>
      </p:sp>
      <p:sp>
        <p:nvSpPr>
          <p:cNvPr id="17" name="Title 1">
            <a:extLst>
              <a:ext uri="{FF2B5EF4-FFF2-40B4-BE49-F238E27FC236}">
                <a16:creationId xmlns:a16="http://schemas.microsoft.com/office/drawing/2014/main" id="{3669DD4F-6CD1-4129-972D-E8E5288D56B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6EA9B50B-2C45-451E-9A5E-708394E330AD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2959927213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&amp; Content (2.2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3" name="Picture Placeholder 3">
            <a:extLst>
              <a:ext uri="{FF2B5EF4-FFF2-40B4-BE49-F238E27FC236}">
                <a16:creationId xmlns:a16="http://schemas.microsoft.com/office/drawing/2014/main" id="{C0EE7B7B-F566-4855-B2E0-D348111D66F4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4365625" y="1473607"/>
            <a:ext cx="7561263" cy="4871631"/>
          </a:xfrm>
          <a:noFill/>
        </p:spPr>
        <p:txBody>
          <a:bodyPr tIns="756000" anchor="ctr"/>
          <a:lstStyle>
            <a:lvl1pPr algn="ctr">
              <a:defRPr>
                <a:solidFill>
                  <a:schemeClr val="accent4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8" name="Text Placeholder 11">
            <a:extLst>
              <a:ext uri="{FF2B5EF4-FFF2-40B4-BE49-F238E27FC236}">
                <a16:creationId xmlns:a16="http://schemas.microsoft.com/office/drawing/2014/main" id="{12445A48-DFDC-4E09-8D6E-8099DA8B659E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263524" y="1473607"/>
            <a:ext cx="3671176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9" name="Content Placeholder 3">
            <a:extLst>
              <a:ext uri="{FF2B5EF4-FFF2-40B4-BE49-F238E27FC236}">
                <a16:creationId xmlns:a16="http://schemas.microsoft.com/office/drawing/2014/main" id="{FCC96F22-1D0B-46E5-954A-AA05B097B747}"/>
              </a:ext>
            </a:extLst>
          </p:cNvPr>
          <p:cNvSpPr>
            <a:spLocks noGrp="1"/>
          </p:cNvSpPr>
          <p:nvPr>
            <p:ph sz="quarter" idx="19"/>
          </p:nvPr>
        </p:nvSpPr>
        <p:spPr bwMode="gray">
          <a:xfrm>
            <a:off x="263524" y="1844826"/>
            <a:ext cx="3671175" cy="4500412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57C3C68D-E277-49A8-834F-0D34C53437E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48862181-B35D-4964-940E-27183DC6BD51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75184245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247AD27-C329-42C3-B6AD-66FD2065726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pl-PL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E22CFE6-8AA0-491F-9F5F-5D98EB8F779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D484EB8-150B-4EF4-A71E-8F614C49A0B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C09CA78-A29A-4CD4-9A25-957092CA3074}" type="datetimeFigureOut">
              <a:rPr lang="pl-PL" smtClean="0"/>
              <a:t>21.07.2021</a:t>
            </a:fld>
            <a:endParaRPr lang="pl-PL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D9786D7-7970-4A64-A140-697B9A79850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l-PL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A492D23-9B21-4317-817B-DFA8F4E0B6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C577F83-369C-4B9F-8EE9-95C30396C532}" type="slidenum">
              <a:rPr lang="pl-PL" smtClean="0"/>
              <a:t>‹#›</a:t>
            </a:fld>
            <a:endParaRPr lang="pl-PL"/>
          </a:p>
        </p:txBody>
      </p:sp>
    </p:spTree>
    <p:extLst>
      <p:ext uri="{BB962C8B-B14F-4D97-AF65-F5344CB8AC3E}">
        <p14:creationId xmlns:p14="http://schemas.microsoft.com/office/powerpoint/2010/main" val="3792053559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&amp; Content (2.2) &amp; Bo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3" name="Picture Placeholder 3">
            <a:extLst>
              <a:ext uri="{FF2B5EF4-FFF2-40B4-BE49-F238E27FC236}">
                <a16:creationId xmlns:a16="http://schemas.microsoft.com/office/drawing/2014/main" id="{0AEFB7B0-854C-45D4-A22F-879EC656594B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4365625" y="1473607"/>
            <a:ext cx="7561263" cy="4187634"/>
          </a:xfrm>
          <a:noFill/>
        </p:spPr>
        <p:txBody>
          <a:bodyPr tIns="756000" anchor="ctr"/>
          <a:lstStyle>
            <a:lvl1pPr algn="ctr">
              <a:defRPr>
                <a:solidFill>
                  <a:schemeClr val="accent4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10" name="Text Placeholder 11">
            <a:extLst>
              <a:ext uri="{FF2B5EF4-FFF2-40B4-BE49-F238E27FC236}">
                <a16:creationId xmlns:a16="http://schemas.microsoft.com/office/drawing/2014/main" id="{78A8AAB4-C8C7-488C-83C0-22CAE59FCCFF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263524" y="1473607"/>
            <a:ext cx="3671176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endParaRPr lang="en-US" dirty="0"/>
          </a:p>
        </p:txBody>
      </p:sp>
      <p:sp>
        <p:nvSpPr>
          <p:cNvPr id="11" name="Content Placeholder 3">
            <a:extLst>
              <a:ext uri="{FF2B5EF4-FFF2-40B4-BE49-F238E27FC236}">
                <a16:creationId xmlns:a16="http://schemas.microsoft.com/office/drawing/2014/main" id="{FA58BBDD-2EE1-4C1F-AB47-C6391021C845}"/>
              </a:ext>
            </a:extLst>
          </p:cNvPr>
          <p:cNvSpPr>
            <a:spLocks noGrp="1"/>
          </p:cNvSpPr>
          <p:nvPr>
            <p:ph sz="quarter" idx="19"/>
          </p:nvPr>
        </p:nvSpPr>
        <p:spPr bwMode="gray">
          <a:xfrm>
            <a:off x="263524" y="1844826"/>
            <a:ext cx="3671175" cy="3816415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5" name="Text Placeholder 7">
            <a:extLst>
              <a:ext uri="{FF2B5EF4-FFF2-40B4-BE49-F238E27FC236}">
                <a16:creationId xmlns:a16="http://schemas.microsoft.com/office/drawing/2014/main" id="{0D4FF23E-C363-4D06-8128-2E419B877AAC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 bwMode="gray">
          <a:xfrm>
            <a:off x="0" y="5805264"/>
            <a:ext cx="12192000" cy="539974"/>
          </a:xfrm>
          <a:solidFill>
            <a:schemeClr val="accent6"/>
          </a:solidFill>
        </p:spPr>
        <p:txBody>
          <a:bodyPr lIns="252000" tIns="0" rIns="25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6pPr>
            <a:lvl7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7pPr>
            <a:lvl8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8pPr>
            <a:lvl9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0BDFCA8A-B0DF-438D-A645-00DAEE4E934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96929501-833C-4607-9B61-F41B9EB227BE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870667793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(3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24" name="Text Placeholder 11">
            <a:extLst>
              <a:ext uri="{FF2B5EF4-FFF2-40B4-BE49-F238E27FC236}">
                <a16:creationId xmlns:a16="http://schemas.microsoft.com/office/drawing/2014/main" id="{7E0ABA0E-3031-4D04-A99C-3A2FFCD49CAE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 bwMode="gray">
          <a:xfrm>
            <a:off x="263524" y="1473607"/>
            <a:ext cx="3672235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34" name="Text Placeholder 11">
            <a:extLst>
              <a:ext uri="{FF2B5EF4-FFF2-40B4-BE49-F238E27FC236}">
                <a16:creationId xmlns:a16="http://schemas.microsoft.com/office/drawing/2014/main" id="{72865FF8-1BCA-4EA6-A89C-0D5083BCA735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 bwMode="gray">
          <a:xfrm>
            <a:off x="4256387" y="1473607"/>
            <a:ext cx="3672235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2" name="Text Placeholder 11">
            <a:extLst>
              <a:ext uri="{FF2B5EF4-FFF2-40B4-BE49-F238E27FC236}">
                <a16:creationId xmlns:a16="http://schemas.microsoft.com/office/drawing/2014/main" id="{F1C5E35E-D10A-42B4-960D-58E5BEC9E738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8249249" y="1473607"/>
            <a:ext cx="3672235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accent4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4" name="Content Placeholder 3">
            <a:extLst>
              <a:ext uri="{FF2B5EF4-FFF2-40B4-BE49-F238E27FC236}">
                <a16:creationId xmlns:a16="http://schemas.microsoft.com/office/drawing/2014/main" id="{63E7E550-48D1-4848-89AD-7BC59C0A08AD}"/>
              </a:ext>
            </a:extLst>
          </p:cNvPr>
          <p:cNvSpPr>
            <a:spLocks noGrp="1"/>
          </p:cNvSpPr>
          <p:nvPr>
            <p:ph sz="quarter" idx="19"/>
          </p:nvPr>
        </p:nvSpPr>
        <p:spPr bwMode="gray">
          <a:xfrm>
            <a:off x="263524" y="1844826"/>
            <a:ext cx="3672235" cy="4500412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7" name="Content Placeholder 3">
            <a:extLst>
              <a:ext uri="{FF2B5EF4-FFF2-40B4-BE49-F238E27FC236}">
                <a16:creationId xmlns:a16="http://schemas.microsoft.com/office/drawing/2014/main" id="{8901D278-1232-4D46-9CDD-5343894C20FC}"/>
              </a:ext>
            </a:extLst>
          </p:cNvPr>
          <p:cNvSpPr>
            <a:spLocks noGrp="1"/>
          </p:cNvSpPr>
          <p:nvPr>
            <p:ph sz="quarter" idx="26"/>
          </p:nvPr>
        </p:nvSpPr>
        <p:spPr bwMode="gray">
          <a:xfrm>
            <a:off x="4256388" y="1844826"/>
            <a:ext cx="3672235" cy="4500412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8" name="Content Placeholder 3">
            <a:extLst>
              <a:ext uri="{FF2B5EF4-FFF2-40B4-BE49-F238E27FC236}">
                <a16:creationId xmlns:a16="http://schemas.microsoft.com/office/drawing/2014/main" id="{1F4A5F9D-DCF9-4BB5-9762-2EF3B04961F1}"/>
              </a:ext>
            </a:extLst>
          </p:cNvPr>
          <p:cNvSpPr>
            <a:spLocks noGrp="1"/>
          </p:cNvSpPr>
          <p:nvPr>
            <p:ph sz="quarter" idx="27"/>
          </p:nvPr>
        </p:nvSpPr>
        <p:spPr bwMode="gray">
          <a:xfrm>
            <a:off x="8249250" y="1844826"/>
            <a:ext cx="3672235" cy="4500412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7" name="Picture Placeholder 24">
            <a:extLst>
              <a:ext uri="{FF2B5EF4-FFF2-40B4-BE49-F238E27FC236}">
                <a16:creationId xmlns:a16="http://schemas.microsoft.com/office/drawing/2014/main" id="{5303F152-28C2-4B33-A3F4-540FEA8708D3}"/>
              </a:ext>
            </a:extLst>
          </p:cNvPr>
          <p:cNvSpPr>
            <a:spLocks noGrp="1"/>
          </p:cNvSpPr>
          <p:nvPr>
            <p:ph type="pic" sz="quarter" idx="33" hasCustomPrompt="1"/>
          </p:nvPr>
        </p:nvSpPr>
        <p:spPr>
          <a:xfrm>
            <a:off x="264913" y="1361963"/>
            <a:ext cx="3672000" cy="28800"/>
          </a:xfrm>
          <a:solidFill>
            <a:schemeClr val="tx2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18" name="Picture Placeholder 24">
            <a:extLst>
              <a:ext uri="{FF2B5EF4-FFF2-40B4-BE49-F238E27FC236}">
                <a16:creationId xmlns:a16="http://schemas.microsoft.com/office/drawing/2014/main" id="{22E4186C-EC01-4CE4-95EC-41517AE3997E}"/>
              </a:ext>
            </a:extLst>
          </p:cNvPr>
          <p:cNvSpPr>
            <a:spLocks noGrp="1"/>
          </p:cNvSpPr>
          <p:nvPr>
            <p:ph type="pic" sz="quarter" idx="34" hasCustomPrompt="1"/>
          </p:nvPr>
        </p:nvSpPr>
        <p:spPr>
          <a:xfrm>
            <a:off x="4256388" y="1361963"/>
            <a:ext cx="3672000" cy="28800"/>
          </a:xfrm>
          <a:solidFill>
            <a:schemeClr val="tx1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22" name="Picture Placeholder 24">
            <a:extLst>
              <a:ext uri="{FF2B5EF4-FFF2-40B4-BE49-F238E27FC236}">
                <a16:creationId xmlns:a16="http://schemas.microsoft.com/office/drawing/2014/main" id="{8A1A0923-3351-42F4-A7E2-0C67B7FC7D01}"/>
              </a:ext>
            </a:extLst>
          </p:cNvPr>
          <p:cNvSpPr>
            <a:spLocks noGrp="1"/>
          </p:cNvSpPr>
          <p:nvPr>
            <p:ph type="pic" sz="quarter" idx="35" hasCustomPrompt="1"/>
          </p:nvPr>
        </p:nvSpPr>
        <p:spPr>
          <a:xfrm>
            <a:off x="8249486" y="1361963"/>
            <a:ext cx="3672000" cy="28800"/>
          </a:xfrm>
          <a:solidFill>
            <a:schemeClr val="accent4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19" name="Title 1">
            <a:extLst>
              <a:ext uri="{FF2B5EF4-FFF2-40B4-BE49-F238E27FC236}">
                <a16:creationId xmlns:a16="http://schemas.microsoft.com/office/drawing/2014/main" id="{5F447530-1BB2-420E-A7A1-85F58824ACD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E07E792D-68AC-4DF4-BC0D-24268577B0E0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3499482971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(3) &amp; Bo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29" name="Text Placeholder 11">
            <a:extLst>
              <a:ext uri="{FF2B5EF4-FFF2-40B4-BE49-F238E27FC236}">
                <a16:creationId xmlns:a16="http://schemas.microsoft.com/office/drawing/2014/main" id="{CDA80729-DBFE-418B-9D52-CF6041D6EDC0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 bwMode="gray">
          <a:xfrm>
            <a:off x="263524" y="1473607"/>
            <a:ext cx="3672235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31" name="Text Placeholder 11">
            <a:extLst>
              <a:ext uri="{FF2B5EF4-FFF2-40B4-BE49-F238E27FC236}">
                <a16:creationId xmlns:a16="http://schemas.microsoft.com/office/drawing/2014/main" id="{57E98820-E129-4E41-8580-1A0D210E0A27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 bwMode="gray">
          <a:xfrm>
            <a:off x="4256387" y="1473607"/>
            <a:ext cx="3672235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33" name="Text Placeholder 11">
            <a:extLst>
              <a:ext uri="{FF2B5EF4-FFF2-40B4-BE49-F238E27FC236}">
                <a16:creationId xmlns:a16="http://schemas.microsoft.com/office/drawing/2014/main" id="{FCF04A61-9D23-473E-B05F-E1C2B3AB85FE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8249249" y="1473607"/>
            <a:ext cx="3672235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accent4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34" name="Content Placeholder 3">
            <a:extLst>
              <a:ext uri="{FF2B5EF4-FFF2-40B4-BE49-F238E27FC236}">
                <a16:creationId xmlns:a16="http://schemas.microsoft.com/office/drawing/2014/main" id="{2FF70659-3D12-4399-BD53-03E120732342}"/>
              </a:ext>
            </a:extLst>
          </p:cNvPr>
          <p:cNvSpPr>
            <a:spLocks noGrp="1"/>
          </p:cNvSpPr>
          <p:nvPr>
            <p:ph sz="quarter" idx="26"/>
          </p:nvPr>
        </p:nvSpPr>
        <p:spPr bwMode="gray">
          <a:xfrm>
            <a:off x="4256388" y="1844826"/>
            <a:ext cx="3672235" cy="3816422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35" name="Content Placeholder 3">
            <a:extLst>
              <a:ext uri="{FF2B5EF4-FFF2-40B4-BE49-F238E27FC236}">
                <a16:creationId xmlns:a16="http://schemas.microsoft.com/office/drawing/2014/main" id="{D980C96F-688C-4820-9207-E738CE6AFDCD}"/>
              </a:ext>
            </a:extLst>
          </p:cNvPr>
          <p:cNvSpPr>
            <a:spLocks noGrp="1"/>
          </p:cNvSpPr>
          <p:nvPr>
            <p:ph sz="quarter" idx="27"/>
          </p:nvPr>
        </p:nvSpPr>
        <p:spPr bwMode="gray">
          <a:xfrm>
            <a:off x="8249250" y="1844826"/>
            <a:ext cx="3672235" cy="3816422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36" name="Content Placeholder 3">
            <a:extLst>
              <a:ext uri="{FF2B5EF4-FFF2-40B4-BE49-F238E27FC236}">
                <a16:creationId xmlns:a16="http://schemas.microsoft.com/office/drawing/2014/main" id="{054D3D82-4D02-426D-A4D3-ED7B4DB18F00}"/>
              </a:ext>
            </a:extLst>
          </p:cNvPr>
          <p:cNvSpPr>
            <a:spLocks noGrp="1"/>
          </p:cNvSpPr>
          <p:nvPr>
            <p:ph sz="quarter" idx="19"/>
          </p:nvPr>
        </p:nvSpPr>
        <p:spPr bwMode="gray">
          <a:xfrm>
            <a:off x="263524" y="1844826"/>
            <a:ext cx="3672235" cy="3816422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8" name="Text Placeholder 7">
            <a:extLst>
              <a:ext uri="{FF2B5EF4-FFF2-40B4-BE49-F238E27FC236}">
                <a16:creationId xmlns:a16="http://schemas.microsoft.com/office/drawing/2014/main" id="{FD79CCB4-AEE2-44DB-95E4-B439552C0F88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 bwMode="gray">
          <a:xfrm>
            <a:off x="0" y="5805264"/>
            <a:ext cx="12192000" cy="539974"/>
          </a:xfrm>
          <a:solidFill>
            <a:schemeClr val="accent6"/>
          </a:solidFill>
        </p:spPr>
        <p:txBody>
          <a:bodyPr lIns="252000" tIns="0" rIns="25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6pPr>
            <a:lvl7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7pPr>
            <a:lvl8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8pPr>
            <a:lvl9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0" name="Picture Placeholder 24">
            <a:extLst>
              <a:ext uri="{FF2B5EF4-FFF2-40B4-BE49-F238E27FC236}">
                <a16:creationId xmlns:a16="http://schemas.microsoft.com/office/drawing/2014/main" id="{7DBFF71D-6E5A-4E22-A71E-F124F677DB39}"/>
              </a:ext>
            </a:extLst>
          </p:cNvPr>
          <p:cNvSpPr>
            <a:spLocks noGrp="1"/>
          </p:cNvSpPr>
          <p:nvPr>
            <p:ph type="pic" sz="quarter" idx="33" hasCustomPrompt="1"/>
          </p:nvPr>
        </p:nvSpPr>
        <p:spPr>
          <a:xfrm>
            <a:off x="264913" y="1361963"/>
            <a:ext cx="3672000" cy="28800"/>
          </a:xfrm>
          <a:solidFill>
            <a:schemeClr val="tx2"/>
          </a:solidFill>
          <a:ln>
            <a:noFill/>
          </a:ln>
        </p:spPr>
        <p:txBody>
          <a:bodyPr/>
          <a:lstStyle/>
          <a:p>
            <a:r>
              <a:rPr lang="en-US" dirty="0"/>
              <a:t>.</a:t>
            </a:r>
          </a:p>
        </p:txBody>
      </p:sp>
      <p:sp>
        <p:nvSpPr>
          <p:cNvPr id="21" name="Picture Placeholder 24">
            <a:extLst>
              <a:ext uri="{FF2B5EF4-FFF2-40B4-BE49-F238E27FC236}">
                <a16:creationId xmlns:a16="http://schemas.microsoft.com/office/drawing/2014/main" id="{622D4D59-27F3-4DDC-8FC5-C4ECD1D442DA}"/>
              </a:ext>
            </a:extLst>
          </p:cNvPr>
          <p:cNvSpPr>
            <a:spLocks noGrp="1"/>
          </p:cNvSpPr>
          <p:nvPr>
            <p:ph type="pic" sz="quarter" idx="34" hasCustomPrompt="1"/>
          </p:nvPr>
        </p:nvSpPr>
        <p:spPr>
          <a:xfrm>
            <a:off x="4256388" y="1361963"/>
            <a:ext cx="3672000" cy="28800"/>
          </a:xfrm>
          <a:solidFill>
            <a:schemeClr val="tx1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24" name="Picture Placeholder 24">
            <a:extLst>
              <a:ext uri="{FF2B5EF4-FFF2-40B4-BE49-F238E27FC236}">
                <a16:creationId xmlns:a16="http://schemas.microsoft.com/office/drawing/2014/main" id="{DBC494C6-3B8F-4224-92F7-613D6D61555B}"/>
              </a:ext>
            </a:extLst>
          </p:cNvPr>
          <p:cNvSpPr>
            <a:spLocks noGrp="1"/>
          </p:cNvSpPr>
          <p:nvPr>
            <p:ph type="pic" sz="quarter" idx="35" hasCustomPrompt="1"/>
          </p:nvPr>
        </p:nvSpPr>
        <p:spPr>
          <a:xfrm>
            <a:off x="8249486" y="1361963"/>
            <a:ext cx="3672000" cy="28800"/>
          </a:xfrm>
          <a:solidFill>
            <a:schemeClr val="accent4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19" name="Title 1">
            <a:extLst>
              <a:ext uri="{FF2B5EF4-FFF2-40B4-BE49-F238E27FC236}">
                <a16:creationId xmlns:a16="http://schemas.microsoft.com/office/drawing/2014/main" id="{A777474D-3C2D-44B6-91A4-4BD1D8ED9D1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C5BE8BBD-8DA8-45AA-995A-9F149E50C0BC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2302039869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(3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915F9CBB-E821-4E2F-A816-2A6B3BD027DC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>
          <a:xfrm>
            <a:off x="263525" y="1125538"/>
            <a:ext cx="3672234" cy="4607718"/>
          </a:xfrm>
          <a:noFill/>
        </p:spPr>
        <p:txBody>
          <a:bodyPr tIns="684000" anchor="ctr"/>
          <a:lstStyle>
            <a:lvl1pPr algn="ctr">
              <a:defRPr>
                <a:solidFill>
                  <a:schemeClr val="accent4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54879FBB-2471-4EEA-96E3-1852E4522488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>
          <a:xfrm>
            <a:off x="4256389" y="1125538"/>
            <a:ext cx="3672234" cy="4607718"/>
          </a:xfrm>
          <a:noFill/>
        </p:spPr>
        <p:txBody>
          <a:bodyPr tIns="684000" anchor="ctr"/>
          <a:lstStyle>
            <a:lvl1pPr algn="ctr">
              <a:defRPr>
                <a:solidFill>
                  <a:schemeClr val="accent4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17" name="Picture Placeholder 3">
            <a:extLst>
              <a:ext uri="{FF2B5EF4-FFF2-40B4-BE49-F238E27FC236}">
                <a16:creationId xmlns:a16="http://schemas.microsoft.com/office/drawing/2014/main" id="{C8A19E55-5FD1-41A7-9330-CBE422A2F983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>
          <a:xfrm>
            <a:off x="8249252" y="1125538"/>
            <a:ext cx="3672234" cy="4607718"/>
          </a:xfrm>
          <a:noFill/>
        </p:spPr>
        <p:txBody>
          <a:bodyPr tIns="684000" anchor="ctr"/>
          <a:lstStyle>
            <a:lvl1pPr algn="ctr">
              <a:defRPr>
                <a:solidFill>
                  <a:schemeClr val="accent4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45" name="Text Placeholder 11">
            <a:extLst>
              <a:ext uri="{FF2B5EF4-FFF2-40B4-BE49-F238E27FC236}">
                <a16:creationId xmlns:a16="http://schemas.microsoft.com/office/drawing/2014/main" id="{6207F6BF-44C7-488D-ADCD-98805D32C39F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 bwMode="gray">
          <a:xfrm>
            <a:off x="267018" y="5902504"/>
            <a:ext cx="3672235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6" name="Text Placeholder 11">
            <a:extLst>
              <a:ext uri="{FF2B5EF4-FFF2-40B4-BE49-F238E27FC236}">
                <a16:creationId xmlns:a16="http://schemas.microsoft.com/office/drawing/2014/main" id="{DC9F35B5-C9B8-4D17-8513-69D23F7BF18C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 bwMode="gray">
          <a:xfrm>
            <a:off x="4259881" y="5902504"/>
            <a:ext cx="3672235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endParaRPr lang="en-US" dirty="0"/>
          </a:p>
        </p:txBody>
      </p:sp>
      <p:sp>
        <p:nvSpPr>
          <p:cNvPr id="47" name="Text Placeholder 11">
            <a:extLst>
              <a:ext uri="{FF2B5EF4-FFF2-40B4-BE49-F238E27FC236}">
                <a16:creationId xmlns:a16="http://schemas.microsoft.com/office/drawing/2014/main" id="{D2E389A2-EF80-4B19-AFA8-B0AA653E44C8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8252743" y="5902504"/>
            <a:ext cx="3672235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accent4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2" name="Picture Placeholder 24">
            <a:extLst>
              <a:ext uri="{FF2B5EF4-FFF2-40B4-BE49-F238E27FC236}">
                <a16:creationId xmlns:a16="http://schemas.microsoft.com/office/drawing/2014/main" id="{A758364A-C806-4BA7-B792-DB90C9E819DB}"/>
              </a:ext>
            </a:extLst>
          </p:cNvPr>
          <p:cNvSpPr>
            <a:spLocks noGrp="1"/>
          </p:cNvSpPr>
          <p:nvPr>
            <p:ph type="pic" sz="quarter" idx="33" hasCustomPrompt="1"/>
          </p:nvPr>
        </p:nvSpPr>
        <p:spPr>
          <a:xfrm>
            <a:off x="264913" y="5789080"/>
            <a:ext cx="3672000" cy="28800"/>
          </a:xfrm>
          <a:solidFill>
            <a:schemeClr val="tx2"/>
          </a:solidFill>
          <a:ln>
            <a:noFill/>
          </a:ln>
        </p:spPr>
        <p:txBody>
          <a:bodyPr/>
          <a:lstStyle>
            <a:lvl1pPr>
              <a:defRPr sz="100">
                <a:solidFill>
                  <a:schemeClr val="accent1"/>
                </a:solidFill>
              </a:defRPr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23" name="Picture Placeholder 24">
            <a:extLst>
              <a:ext uri="{FF2B5EF4-FFF2-40B4-BE49-F238E27FC236}">
                <a16:creationId xmlns:a16="http://schemas.microsoft.com/office/drawing/2014/main" id="{C4A23AB8-CD51-4058-8CC8-C01436097FCF}"/>
              </a:ext>
            </a:extLst>
          </p:cNvPr>
          <p:cNvSpPr>
            <a:spLocks noGrp="1"/>
          </p:cNvSpPr>
          <p:nvPr>
            <p:ph type="pic" sz="quarter" idx="34" hasCustomPrompt="1"/>
          </p:nvPr>
        </p:nvSpPr>
        <p:spPr>
          <a:xfrm>
            <a:off x="4256388" y="5789080"/>
            <a:ext cx="3672000" cy="28800"/>
          </a:xfrm>
          <a:solidFill>
            <a:schemeClr val="tx1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.</a:t>
            </a:r>
          </a:p>
        </p:txBody>
      </p:sp>
      <p:sp>
        <p:nvSpPr>
          <p:cNvPr id="24" name="Picture Placeholder 24">
            <a:extLst>
              <a:ext uri="{FF2B5EF4-FFF2-40B4-BE49-F238E27FC236}">
                <a16:creationId xmlns:a16="http://schemas.microsoft.com/office/drawing/2014/main" id="{A1C057B5-5843-4C4F-8233-A70AE0C86453}"/>
              </a:ext>
            </a:extLst>
          </p:cNvPr>
          <p:cNvSpPr>
            <a:spLocks noGrp="1"/>
          </p:cNvSpPr>
          <p:nvPr>
            <p:ph type="pic" sz="quarter" idx="35" hasCustomPrompt="1"/>
          </p:nvPr>
        </p:nvSpPr>
        <p:spPr>
          <a:xfrm>
            <a:off x="8249486" y="5789080"/>
            <a:ext cx="3672000" cy="28800"/>
          </a:xfrm>
          <a:solidFill>
            <a:schemeClr val="accent4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19" name="Title 1">
            <a:extLst>
              <a:ext uri="{FF2B5EF4-FFF2-40B4-BE49-F238E27FC236}">
                <a16:creationId xmlns:a16="http://schemas.microsoft.com/office/drawing/2014/main" id="{939DA7FE-EFD8-44FB-A789-66635C85AA8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D8271637-1CDA-43C0-AACC-D0B663F26B67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1015985115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(6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915F9CBB-E821-4E2F-A816-2A6B3BD027DC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>
          <a:xfrm>
            <a:off x="263525" y="3861048"/>
            <a:ext cx="3672234" cy="1932336"/>
          </a:xfrm>
          <a:noFill/>
        </p:spPr>
        <p:txBody>
          <a:bodyPr tIns="432000" anchor="ctr"/>
          <a:lstStyle>
            <a:lvl1pPr algn="ctr">
              <a:defRPr>
                <a:solidFill>
                  <a:schemeClr val="accent4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54879FBB-2471-4EEA-96E3-1852E4522488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>
          <a:xfrm>
            <a:off x="4256389" y="3861048"/>
            <a:ext cx="3672234" cy="1932336"/>
          </a:xfrm>
          <a:noFill/>
        </p:spPr>
        <p:txBody>
          <a:bodyPr tIns="432000" anchor="ctr"/>
          <a:lstStyle>
            <a:lvl1pPr algn="ctr">
              <a:defRPr>
                <a:solidFill>
                  <a:schemeClr val="accent4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17" name="Picture Placeholder 3">
            <a:extLst>
              <a:ext uri="{FF2B5EF4-FFF2-40B4-BE49-F238E27FC236}">
                <a16:creationId xmlns:a16="http://schemas.microsoft.com/office/drawing/2014/main" id="{C8A19E55-5FD1-41A7-9330-CBE422A2F983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>
          <a:xfrm>
            <a:off x="8249252" y="3861048"/>
            <a:ext cx="3672234" cy="1932336"/>
          </a:xfrm>
          <a:noFill/>
        </p:spPr>
        <p:txBody>
          <a:bodyPr tIns="432000" anchor="ctr"/>
          <a:lstStyle>
            <a:lvl1pPr algn="ctr">
              <a:defRPr>
                <a:solidFill>
                  <a:schemeClr val="accent4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31" name="Picture Placeholder 3">
            <a:extLst>
              <a:ext uri="{FF2B5EF4-FFF2-40B4-BE49-F238E27FC236}">
                <a16:creationId xmlns:a16="http://schemas.microsoft.com/office/drawing/2014/main" id="{F40D1890-8040-4006-A3B9-446A3E6E0CFB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>
          <a:xfrm>
            <a:off x="263525" y="1125539"/>
            <a:ext cx="3672234" cy="1943421"/>
          </a:xfrm>
          <a:noFill/>
        </p:spPr>
        <p:txBody>
          <a:bodyPr tIns="432000" anchor="ctr"/>
          <a:lstStyle>
            <a:lvl1pPr algn="ctr">
              <a:defRPr>
                <a:solidFill>
                  <a:schemeClr val="accent4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32" name="Picture Placeholder 3">
            <a:extLst>
              <a:ext uri="{FF2B5EF4-FFF2-40B4-BE49-F238E27FC236}">
                <a16:creationId xmlns:a16="http://schemas.microsoft.com/office/drawing/2014/main" id="{47177829-69B6-4B8D-AA32-306D7D789445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>
          <a:xfrm>
            <a:off x="4256389" y="1125539"/>
            <a:ext cx="3672234" cy="1943421"/>
          </a:xfrm>
          <a:noFill/>
        </p:spPr>
        <p:txBody>
          <a:bodyPr tIns="432000" anchor="ctr"/>
          <a:lstStyle>
            <a:lvl1pPr algn="ctr">
              <a:defRPr>
                <a:solidFill>
                  <a:schemeClr val="accent4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33" name="Picture Placeholder 3">
            <a:extLst>
              <a:ext uri="{FF2B5EF4-FFF2-40B4-BE49-F238E27FC236}">
                <a16:creationId xmlns:a16="http://schemas.microsoft.com/office/drawing/2014/main" id="{D9296858-018B-48AE-96A4-CE6634F857C5}"/>
              </a:ext>
            </a:extLst>
          </p:cNvPr>
          <p:cNvSpPr>
            <a:spLocks noGrp="1"/>
          </p:cNvSpPr>
          <p:nvPr>
            <p:ph type="pic" sz="quarter" idx="27"/>
          </p:nvPr>
        </p:nvSpPr>
        <p:spPr>
          <a:xfrm>
            <a:off x="8249252" y="1125539"/>
            <a:ext cx="3672234" cy="1943421"/>
          </a:xfrm>
          <a:noFill/>
        </p:spPr>
        <p:txBody>
          <a:bodyPr tIns="432000" anchor="ctr"/>
          <a:lstStyle>
            <a:lvl1pPr algn="ctr">
              <a:defRPr>
                <a:solidFill>
                  <a:schemeClr val="accent4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40" name="Text Placeholder 11">
            <a:extLst>
              <a:ext uri="{FF2B5EF4-FFF2-40B4-BE49-F238E27FC236}">
                <a16:creationId xmlns:a16="http://schemas.microsoft.com/office/drawing/2014/main" id="{14FDA7B6-0CB9-4801-8BCD-C533322EEF89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 bwMode="gray">
          <a:xfrm>
            <a:off x="267018" y="3234310"/>
            <a:ext cx="3672235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4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1" name="Text Placeholder 11">
            <a:extLst>
              <a:ext uri="{FF2B5EF4-FFF2-40B4-BE49-F238E27FC236}">
                <a16:creationId xmlns:a16="http://schemas.microsoft.com/office/drawing/2014/main" id="{01E9159C-B757-487C-ACBC-90F7041B08B6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 bwMode="gray">
          <a:xfrm>
            <a:off x="4259881" y="3234310"/>
            <a:ext cx="3672235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400" b="1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2" name="Text Placeholder 11">
            <a:extLst>
              <a:ext uri="{FF2B5EF4-FFF2-40B4-BE49-F238E27FC236}">
                <a16:creationId xmlns:a16="http://schemas.microsoft.com/office/drawing/2014/main" id="{689B320E-7199-4B9B-BBB6-BECC119A6105}"/>
              </a:ext>
            </a:extLst>
          </p:cNvPr>
          <p:cNvSpPr>
            <a:spLocks noGrp="1"/>
          </p:cNvSpPr>
          <p:nvPr>
            <p:ph type="body" sz="quarter" idx="28"/>
          </p:nvPr>
        </p:nvSpPr>
        <p:spPr bwMode="gray">
          <a:xfrm>
            <a:off x="8252743" y="3234310"/>
            <a:ext cx="3672235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400" b="1">
                <a:solidFill>
                  <a:schemeClr val="accent4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7" name="Text Placeholder 11">
            <a:extLst>
              <a:ext uri="{FF2B5EF4-FFF2-40B4-BE49-F238E27FC236}">
                <a16:creationId xmlns:a16="http://schemas.microsoft.com/office/drawing/2014/main" id="{4C194628-5843-4993-8645-21D277A5F84B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 bwMode="gray">
          <a:xfrm>
            <a:off x="267018" y="5974512"/>
            <a:ext cx="3672235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4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8" name="Text Placeholder 11">
            <a:extLst>
              <a:ext uri="{FF2B5EF4-FFF2-40B4-BE49-F238E27FC236}">
                <a16:creationId xmlns:a16="http://schemas.microsoft.com/office/drawing/2014/main" id="{01EBD6AF-BB8D-4CD7-89EF-691423556D15}"/>
              </a:ext>
            </a:extLst>
          </p:cNvPr>
          <p:cNvSpPr>
            <a:spLocks noGrp="1"/>
          </p:cNvSpPr>
          <p:nvPr>
            <p:ph type="body" sz="quarter" idx="30"/>
          </p:nvPr>
        </p:nvSpPr>
        <p:spPr bwMode="gray">
          <a:xfrm>
            <a:off x="4259881" y="5974512"/>
            <a:ext cx="3672235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400" b="1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9" name="Text Placeholder 11">
            <a:extLst>
              <a:ext uri="{FF2B5EF4-FFF2-40B4-BE49-F238E27FC236}">
                <a16:creationId xmlns:a16="http://schemas.microsoft.com/office/drawing/2014/main" id="{DBDC85D8-AC49-4BE9-9A89-F6EADB551C65}"/>
              </a:ext>
            </a:extLst>
          </p:cNvPr>
          <p:cNvSpPr>
            <a:spLocks noGrp="1"/>
          </p:cNvSpPr>
          <p:nvPr>
            <p:ph type="body" sz="quarter" idx="31"/>
          </p:nvPr>
        </p:nvSpPr>
        <p:spPr bwMode="gray">
          <a:xfrm>
            <a:off x="8252743" y="5974512"/>
            <a:ext cx="3672235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400" b="1">
                <a:solidFill>
                  <a:schemeClr val="accent4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4" name="Picture Placeholder 24">
            <a:extLst>
              <a:ext uri="{FF2B5EF4-FFF2-40B4-BE49-F238E27FC236}">
                <a16:creationId xmlns:a16="http://schemas.microsoft.com/office/drawing/2014/main" id="{51A76A6F-9726-43A3-9939-6601AB2E5F93}"/>
              </a:ext>
            </a:extLst>
          </p:cNvPr>
          <p:cNvSpPr>
            <a:spLocks noGrp="1"/>
          </p:cNvSpPr>
          <p:nvPr>
            <p:ph type="pic" sz="quarter" idx="38" hasCustomPrompt="1"/>
          </p:nvPr>
        </p:nvSpPr>
        <p:spPr>
          <a:xfrm>
            <a:off x="264913" y="3123000"/>
            <a:ext cx="3672000" cy="28800"/>
          </a:xfrm>
          <a:solidFill>
            <a:schemeClr val="tx2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27" name="Picture Placeholder 24">
            <a:extLst>
              <a:ext uri="{FF2B5EF4-FFF2-40B4-BE49-F238E27FC236}">
                <a16:creationId xmlns:a16="http://schemas.microsoft.com/office/drawing/2014/main" id="{1F49639A-9F3A-42AB-A06C-443FC51AF4AE}"/>
              </a:ext>
            </a:extLst>
          </p:cNvPr>
          <p:cNvSpPr>
            <a:spLocks noGrp="1"/>
          </p:cNvSpPr>
          <p:nvPr>
            <p:ph type="pic" sz="quarter" idx="39" hasCustomPrompt="1"/>
          </p:nvPr>
        </p:nvSpPr>
        <p:spPr>
          <a:xfrm>
            <a:off x="4256388" y="3123000"/>
            <a:ext cx="3672000" cy="28800"/>
          </a:xfrm>
          <a:solidFill>
            <a:schemeClr val="tx1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28" name="Picture Placeholder 24">
            <a:extLst>
              <a:ext uri="{FF2B5EF4-FFF2-40B4-BE49-F238E27FC236}">
                <a16:creationId xmlns:a16="http://schemas.microsoft.com/office/drawing/2014/main" id="{CE020488-ED30-4128-948F-1CB1B01F2572}"/>
              </a:ext>
            </a:extLst>
          </p:cNvPr>
          <p:cNvSpPr>
            <a:spLocks noGrp="1"/>
          </p:cNvSpPr>
          <p:nvPr>
            <p:ph type="pic" sz="quarter" idx="40" hasCustomPrompt="1"/>
          </p:nvPr>
        </p:nvSpPr>
        <p:spPr>
          <a:xfrm>
            <a:off x="8249486" y="3123000"/>
            <a:ext cx="3672000" cy="28800"/>
          </a:xfrm>
          <a:solidFill>
            <a:schemeClr val="accent4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29" name="Picture Placeholder 24">
            <a:extLst>
              <a:ext uri="{FF2B5EF4-FFF2-40B4-BE49-F238E27FC236}">
                <a16:creationId xmlns:a16="http://schemas.microsoft.com/office/drawing/2014/main" id="{13189C19-C697-4452-8480-B4E0E6473F3A}"/>
              </a:ext>
            </a:extLst>
          </p:cNvPr>
          <p:cNvSpPr>
            <a:spLocks noGrp="1"/>
          </p:cNvSpPr>
          <p:nvPr>
            <p:ph type="pic" sz="quarter" idx="41" hasCustomPrompt="1"/>
          </p:nvPr>
        </p:nvSpPr>
        <p:spPr>
          <a:xfrm>
            <a:off x="264913" y="5862872"/>
            <a:ext cx="3672000" cy="28800"/>
          </a:xfrm>
          <a:solidFill>
            <a:schemeClr val="tx2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30" name="Picture Placeholder 24">
            <a:extLst>
              <a:ext uri="{FF2B5EF4-FFF2-40B4-BE49-F238E27FC236}">
                <a16:creationId xmlns:a16="http://schemas.microsoft.com/office/drawing/2014/main" id="{616C27DF-7E43-44C8-9CAB-63853C36EA54}"/>
              </a:ext>
            </a:extLst>
          </p:cNvPr>
          <p:cNvSpPr>
            <a:spLocks noGrp="1"/>
          </p:cNvSpPr>
          <p:nvPr>
            <p:ph type="pic" sz="quarter" idx="42" hasCustomPrompt="1"/>
          </p:nvPr>
        </p:nvSpPr>
        <p:spPr>
          <a:xfrm>
            <a:off x="4256388" y="5862872"/>
            <a:ext cx="3672000" cy="28800"/>
          </a:xfrm>
          <a:solidFill>
            <a:schemeClr val="tx1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34" name="Picture Placeholder 24">
            <a:extLst>
              <a:ext uri="{FF2B5EF4-FFF2-40B4-BE49-F238E27FC236}">
                <a16:creationId xmlns:a16="http://schemas.microsoft.com/office/drawing/2014/main" id="{4CE7327F-C0CB-4904-BC53-6EFE8960396B}"/>
              </a:ext>
            </a:extLst>
          </p:cNvPr>
          <p:cNvSpPr>
            <a:spLocks noGrp="1"/>
          </p:cNvSpPr>
          <p:nvPr>
            <p:ph type="pic" sz="quarter" idx="43" hasCustomPrompt="1"/>
          </p:nvPr>
        </p:nvSpPr>
        <p:spPr>
          <a:xfrm>
            <a:off x="8249486" y="5862872"/>
            <a:ext cx="3672000" cy="28800"/>
          </a:xfrm>
          <a:solidFill>
            <a:schemeClr val="accent4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35" name="Title 1">
            <a:extLst>
              <a:ext uri="{FF2B5EF4-FFF2-40B4-BE49-F238E27FC236}">
                <a16:creationId xmlns:a16="http://schemas.microsoft.com/office/drawing/2014/main" id="{62076778-1C0B-4DF5-BED1-40F85B3978E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8E18CAD8-34FD-4606-AC59-8AC5BDAFE843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2528597151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(3) &amp; Content (6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24" name="Text Placeholder 11">
            <a:extLst>
              <a:ext uri="{FF2B5EF4-FFF2-40B4-BE49-F238E27FC236}">
                <a16:creationId xmlns:a16="http://schemas.microsoft.com/office/drawing/2014/main" id="{3B05BF5E-4371-47AB-A1FF-B10995CF22FD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263525" y="4985012"/>
            <a:ext cx="2952153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accent4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6" name="Text Placeholder 11">
            <a:extLst>
              <a:ext uri="{FF2B5EF4-FFF2-40B4-BE49-F238E27FC236}">
                <a16:creationId xmlns:a16="http://schemas.microsoft.com/office/drawing/2014/main" id="{6C90D6E3-10FE-4F7A-9BC6-9EE50B885561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 bwMode="gray">
          <a:xfrm>
            <a:off x="263525" y="1473599"/>
            <a:ext cx="2952156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7" name="Text Placeholder 11">
            <a:extLst>
              <a:ext uri="{FF2B5EF4-FFF2-40B4-BE49-F238E27FC236}">
                <a16:creationId xmlns:a16="http://schemas.microsoft.com/office/drawing/2014/main" id="{316FDD13-2FD3-4BDC-92B0-6E2A4E622EE2}"/>
              </a:ext>
            </a:extLst>
          </p:cNvPr>
          <p:cNvSpPr>
            <a:spLocks noGrp="1"/>
          </p:cNvSpPr>
          <p:nvPr>
            <p:ph type="body" sz="quarter" idx="24"/>
          </p:nvPr>
        </p:nvSpPr>
        <p:spPr bwMode="gray">
          <a:xfrm>
            <a:off x="263523" y="3240301"/>
            <a:ext cx="2952155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8" name="Content Placeholder 3">
            <a:extLst>
              <a:ext uri="{FF2B5EF4-FFF2-40B4-BE49-F238E27FC236}">
                <a16:creationId xmlns:a16="http://schemas.microsoft.com/office/drawing/2014/main" id="{E2783D5F-0057-4639-BF27-31ED9E0868C1}"/>
              </a:ext>
            </a:extLst>
          </p:cNvPr>
          <p:cNvSpPr>
            <a:spLocks noGrp="1"/>
          </p:cNvSpPr>
          <p:nvPr>
            <p:ph sz="quarter" idx="26"/>
          </p:nvPr>
        </p:nvSpPr>
        <p:spPr bwMode="gray">
          <a:xfrm>
            <a:off x="263525" y="1844826"/>
            <a:ext cx="2952153" cy="1008108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30" name="Content Placeholder 3">
            <a:extLst>
              <a:ext uri="{FF2B5EF4-FFF2-40B4-BE49-F238E27FC236}">
                <a16:creationId xmlns:a16="http://schemas.microsoft.com/office/drawing/2014/main" id="{B590CC18-1B6B-4861-868E-A6987D93954C}"/>
              </a:ext>
            </a:extLst>
          </p:cNvPr>
          <p:cNvSpPr>
            <a:spLocks noGrp="1"/>
          </p:cNvSpPr>
          <p:nvPr>
            <p:ph sz="quarter" idx="27"/>
          </p:nvPr>
        </p:nvSpPr>
        <p:spPr bwMode="gray">
          <a:xfrm>
            <a:off x="263525" y="3600531"/>
            <a:ext cx="2952153" cy="982330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32" name="Content Placeholder 3">
            <a:extLst>
              <a:ext uri="{FF2B5EF4-FFF2-40B4-BE49-F238E27FC236}">
                <a16:creationId xmlns:a16="http://schemas.microsoft.com/office/drawing/2014/main" id="{1CBF013C-2857-4ABA-A4A4-FB2F2770E661}"/>
              </a:ext>
            </a:extLst>
          </p:cNvPr>
          <p:cNvSpPr>
            <a:spLocks noGrp="1"/>
          </p:cNvSpPr>
          <p:nvPr>
            <p:ph sz="quarter" idx="28"/>
          </p:nvPr>
        </p:nvSpPr>
        <p:spPr bwMode="gray">
          <a:xfrm>
            <a:off x="263525" y="5362908"/>
            <a:ext cx="2952153" cy="982330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42" name="Content Placeholder 3">
            <a:extLst>
              <a:ext uri="{FF2B5EF4-FFF2-40B4-BE49-F238E27FC236}">
                <a16:creationId xmlns:a16="http://schemas.microsoft.com/office/drawing/2014/main" id="{76DE9C61-D509-4314-B722-D4958D1B5C13}"/>
              </a:ext>
            </a:extLst>
          </p:cNvPr>
          <p:cNvSpPr>
            <a:spLocks noGrp="1"/>
          </p:cNvSpPr>
          <p:nvPr>
            <p:ph sz="quarter" idx="29"/>
          </p:nvPr>
        </p:nvSpPr>
        <p:spPr bwMode="gray">
          <a:xfrm>
            <a:off x="3503712" y="1376172"/>
            <a:ext cx="8424763" cy="1476762"/>
          </a:xfrm>
        </p:spPr>
        <p:txBody>
          <a:bodyPr lIns="0" tIns="108000" rIns="0" bIns="0"/>
          <a:lstStyle>
            <a:lvl1pPr>
              <a:lnSpc>
                <a:spcPct val="100000"/>
              </a:lnSpc>
              <a:spcBef>
                <a:spcPts val="600"/>
              </a:spcBef>
              <a:defRPr sz="1200"/>
            </a:lvl1pPr>
            <a:lvl2pPr>
              <a:lnSpc>
                <a:spcPct val="100000"/>
              </a:lnSpc>
              <a:spcBef>
                <a:spcPts val="600"/>
              </a:spcBef>
              <a:defRPr sz="1200"/>
            </a:lvl2pPr>
            <a:lvl3pPr>
              <a:lnSpc>
                <a:spcPct val="100000"/>
              </a:lnSpc>
              <a:spcBef>
                <a:spcPts val="600"/>
              </a:spcBef>
              <a:defRPr sz="1200"/>
            </a:lvl3pPr>
            <a:lvl4pPr>
              <a:lnSpc>
                <a:spcPct val="100000"/>
              </a:lnSpc>
              <a:spcBef>
                <a:spcPts val="600"/>
              </a:spcBef>
              <a:defRPr sz="1200"/>
            </a:lvl4pPr>
            <a:lvl5pPr>
              <a:lnSpc>
                <a:spcPct val="100000"/>
              </a:lnSpc>
              <a:spcBef>
                <a:spcPts val="600"/>
              </a:spcBef>
              <a:defRPr sz="12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3" name="Content Placeholder 3">
            <a:extLst>
              <a:ext uri="{FF2B5EF4-FFF2-40B4-BE49-F238E27FC236}">
                <a16:creationId xmlns:a16="http://schemas.microsoft.com/office/drawing/2014/main" id="{B07CE416-A776-4B9B-869E-F13DCB2194D7}"/>
              </a:ext>
            </a:extLst>
          </p:cNvPr>
          <p:cNvSpPr>
            <a:spLocks noGrp="1"/>
          </p:cNvSpPr>
          <p:nvPr>
            <p:ph sz="quarter" idx="30"/>
          </p:nvPr>
        </p:nvSpPr>
        <p:spPr bwMode="gray">
          <a:xfrm>
            <a:off x="3503712" y="3125397"/>
            <a:ext cx="8424763" cy="1457464"/>
          </a:xfrm>
        </p:spPr>
        <p:txBody>
          <a:bodyPr lIns="0" tIns="108000" rIns="0" bIns="0"/>
          <a:lstStyle>
            <a:lvl1pPr>
              <a:lnSpc>
                <a:spcPct val="100000"/>
              </a:lnSpc>
              <a:spcBef>
                <a:spcPts val="600"/>
              </a:spcBef>
              <a:defRPr sz="1200"/>
            </a:lvl1pPr>
            <a:lvl2pPr>
              <a:lnSpc>
                <a:spcPct val="100000"/>
              </a:lnSpc>
              <a:spcBef>
                <a:spcPts val="600"/>
              </a:spcBef>
              <a:defRPr sz="1200"/>
            </a:lvl2pPr>
            <a:lvl3pPr>
              <a:lnSpc>
                <a:spcPct val="100000"/>
              </a:lnSpc>
              <a:spcBef>
                <a:spcPts val="600"/>
              </a:spcBef>
              <a:defRPr sz="1200"/>
            </a:lvl3pPr>
            <a:lvl4pPr>
              <a:lnSpc>
                <a:spcPct val="100000"/>
              </a:lnSpc>
              <a:spcBef>
                <a:spcPts val="600"/>
              </a:spcBef>
              <a:defRPr sz="1200"/>
            </a:lvl4pPr>
            <a:lvl5pPr>
              <a:lnSpc>
                <a:spcPct val="100000"/>
              </a:lnSpc>
              <a:spcBef>
                <a:spcPts val="600"/>
              </a:spcBef>
              <a:defRPr sz="12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4" name="Content Placeholder 3">
            <a:extLst>
              <a:ext uri="{FF2B5EF4-FFF2-40B4-BE49-F238E27FC236}">
                <a16:creationId xmlns:a16="http://schemas.microsoft.com/office/drawing/2014/main" id="{768861B8-49F9-4E24-A37A-AC60CAABF377}"/>
              </a:ext>
            </a:extLst>
          </p:cNvPr>
          <p:cNvSpPr>
            <a:spLocks noGrp="1"/>
          </p:cNvSpPr>
          <p:nvPr>
            <p:ph sz="quarter" idx="31"/>
          </p:nvPr>
        </p:nvSpPr>
        <p:spPr bwMode="gray">
          <a:xfrm>
            <a:off x="3503712" y="4887774"/>
            <a:ext cx="8424763" cy="1457464"/>
          </a:xfrm>
        </p:spPr>
        <p:txBody>
          <a:bodyPr lIns="0" tIns="108000" rIns="0" bIns="0"/>
          <a:lstStyle>
            <a:lvl1pPr>
              <a:lnSpc>
                <a:spcPct val="100000"/>
              </a:lnSpc>
              <a:spcBef>
                <a:spcPts val="600"/>
              </a:spcBef>
              <a:defRPr sz="1200"/>
            </a:lvl1pPr>
            <a:lvl2pPr>
              <a:lnSpc>
                <a:spcPct val="100000"/>
              </a:lnSpc>
              <a:spcBef>
                <a:spcPts val="600"/>
              </a:spcBef>
              <a:defRPr sz="1200"/>
            </a:lvl2pPr>
            <a:lvl3pPr>
              <a:lnSpc>
                <a:spcPct val="100000"/>
              </a:lnSpc>
              <a:spcBef>
                <a:spcPts val="600"/>
              </a:spcBef>
              <a:defRPr sz="1200"/>
            </a:lvl3pPr>
            <a:lvl4pPr>
              <a:lnSpc>
                <a:spcPct val="100000"/>
              </a:lnSpc>
              <a:spcBef>
                <a:spcPts val="600"/>
              </a:spcBef>
              <a:defRPr sz="1200"/>
            </a:lvl4pPr>
            <a:lvl5pPr>
              <a:lnSpc>
                <a:spcPct val="100000"/>
              </a:lnSpc>
              <a:spcBef>
                <a:spcPts val="600"/>
              </a:spcBef>
              <a:defRPr sz="12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9" name="Picture Placeholder 24">
            <a:extLst>
              <a:ext uri="{FF2B5EF4-FFF2-40B4-BE49-F238E27FC236}">
                <a16:creationId xmlns:a16="http://schemas.microsoft.com/office/drawing/2014/main" id="{8DF4088A-D2D3-4605-887F-33A4783C5A12}"/>
              </a:ext>
            </a:extLst>
          </p:cNvPr>
          <p:cNvSpPr>
            <a:spLocks noGrp="1"/>
          </p:cNvSpPr>
          <p:nvPr>
            <p:ph type="pic" sz="quarter" idx="35" hasCustomPrompt="1"/>
          </p:nvPr>
        </p:nvSpPr>
        <p:spPr>
          <a:xfrm>
            <a:off x="264913" y="1361963"/>
            <a:ext cx="2952000" cy="28800"/>
          </a:xfrm>
          <a:solidFill>
            <a:schemeClr val="tx2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23" name="Picture Placeholder 24">
            <a:extLst>
              <a:ext uri="{FF2B5EF4-FFF2-40B4-BE49-F238E27FC236}">
                <a16:creationId xmlns:a16="http://schemas.microsoft.com/office/drawing/2014/main" id="{4D8EAB64-B0D8-4204-AF23-B0B252CEE221}"/>
              </a:ext>
            </a:extLst>
          </p:cNvPr>
          <p:cNvSpPr>
            <a:spLocks noGrp="1"/>
          </p:cNvSpPr>
          <p:nvPr>
            <p:ph type="pic" sz="quarter" idx="36" hasCustomPrompt="1"/>
          </p:nvPr>
        </p:nvSpPr>
        <p:spPr>
          <a:xfrm>
            <a:off x="264913" y="3128036"/>
            <a:ext cx="2952000" cy="28800"/>
          </a:xfrm>
          <a:solidFill>
            <a:schemeClr val="tx1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25" name="Picture Placeholder 24">
            <a:extLst>
              <a:ext uri="{FF2B5EF4-FFF2-40B4-BE49-F238E27FC236}">
                <a16:creationId xmlns:a16="http://schemas.microsoft.com/office/drawing/2014/main" id="{28F249F2-5D22-46BD-AC14-8717638F2AF5}"/>
              </a:ext>
            </a:extLst>
          </p:cNvPr>
          <p:cNvSpPr>
            <a:spLocks noGrp="1"/>
          </p:cNvSpPr>
          <p:nvPr>
            <p:ph type="pic" sz="quarter" idx="37" hasCustomPrompt="1"/>
          </p:nvPr>
        </p:nvSpPr>
        <p:spPr>
          <a:xfrm>
            <a:off x="264913" y="4873374"/>
            <a:ext cx="2952000" cy="28800"/>
          </a:xfrm>
          <a:solidFill>
            <a:schemeClr val="accent4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20" name="Title 1">
            <a:extLst>
              <a:ext uri="{FF2B5EF4-FFF2-40B4-BE49-F238E27FC236}">
                <a16:creationId xmlns:a16="http://schemas.microsoft.com/office/drawing/2014/main" id="{82DFEC67-6E2A-46BD-A71B-DEDF2A482BD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9DB03339-E194-41DB-849E-EB7B3FCC4A6E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3714770542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(3) &amp; Content (6) &amp; Bo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24" name="Text Placeholder 11">
            <a:extLst>
              <a:ext uri="{FF2B5EF4-FFF2-40B4-BE49-F238E27FC236}">
                <a16:creationId xmlns:a16="http://schemas.microsoft.com/office/drawing/2014/main" id="{4EF52691-9CCC-4E90-9911-5B12BEE570C0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 bwMode="gray">
          <a:xfrm>
            <a:off x="263525" y="1473599"/>
            <a:ext cx="2952156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6" name="Content Placeholder 3">
            <a:extLst>
              <a:ext uri="{FF2B5EF4-FFF2-40B4-BE49-F238E27FC236}">
                <a16:creationId xmlns:a16="http://schemas.microsoft.com/office/drawing/2014/main" id="{6BFE9AA9-753B-41E3-A0DD-DC664AD2E029}"/>
              </a:ext>
            </a:extLst>
          </p:cNvPr>
          <p:cNvSpPr>
            <a:spLocks noGrp="1"/>
          </p:cNvSpPr>
          <p:nvPr>
            <p:ph sz="quarter" idx="26"/>
          </p:nvPr>
        </p:nvSpPr>
        <p:spPr bwMode="gray">
          <a:xfrm>
            <a:off x="263525" y="1844826"/>
            <a:ext cx="2952153" cy="739879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29" name="Content Placeholder 3">
            <a:extLst>
              <a:ext uri="{FF2B5EF4-FFF2-40B4-BE49-F238E27FC236}">
                <a16:creationId xmlns:a16="http://schemas.microsoft.com/office/drawing/2014/main" id="{050C276D-2B61-40CC-9FA8-AE23FE1A7BF5}"/>
              </a:ext>
            </a:extLst>
          </p:cNvPr>
          <p:cNvSpPr>
            <a:spLocks noGrp="1"/>
          </p:cNvSpPr>
          <p:nvPr>
            <p:ph sz="quarter" idx="30"/>
          </p:nvPr>
        </p:nvSpPr>
        <p:spPr bwMode="gray">
          <a:xfrm>
            <a:off x="3503712" y="1376172"/>
            <a:ext cx="8424763" cy="1208528"/>
          </a:xfrm>
        </p:spPr>
        <p:txBody>
          <a:bodyPr lIns="0" tIns="108000" rIns="0" bIns="0"/>
          <a:lstStyle>
            <a:lvl1pPr>
              <a:lnSpc>
                <a:spcPct val="100000"/>
              </a:lnSpc>
              <a:spcBef>
                <a:spcPts val="600"/>
              </a:spcBef>
              <a:defRPr sz="1200"/>
            </a:lvl1pPr>
            <a:lvl2pPr>
              <a:lnSpc>
                <a:spcPct val="100000"/>
              </a:lnSpc>
              <a:spcBef>
                <a:spcPts val="600"/>
              </a:spcBef>
              <a:defRPr sz="1200"/>
            </a:lvl2pPr>
            <a:lvl3pPr>
              <a:lnSpc>
                <a:spcPct val="100000"/>
              </a:lnSpc>
              <a:spcBef>
                <a:spcPts val="600"/>
              </a:spcBef>
              <a:defRPr sz="1200"/>
            </a:lvl3pPr>
            <a:lvl4pPr>
              <a:lnSpc>
                <a:spcPct val="100000"/>
              </a:lnSpc>
              <a:spcBef>
                <a:spcPts val="600"/>
              </a:spcBef>
              <a:defRPr sz="1200"/>
            </a:lvl4pPr>
            <a:lvl5pPr>
              <a:lnSpc>
                <a:spcPct val="100000"/>
              </a:lnSpc>
              <a:spcBef>
                <a:spcPts val="600"/>
              </a:spcBef>
              <a:defRPr sz="12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31" name="Text Placeholder 11">
            <a:extLst>
              <a:ext uri="{FF2B5EF4-FFF2-40B4-BE49-F238E27FC236}">
                <a16:creationId xmlns:a16="http://schemas.microsoft.com/office/drawing/2014/main" id="{8D141BDE-D9C9-41F9-8359-B351B85CDA1B}"/>
              </a:ext>
            </a:extLst>
          </p:cNvPr>
          <p:cNvSpPr>
            <a:spLocks noGrp="1"/>
          </p:cNvSpPr>
          <p:nvPr>
            <p:ph type="body" sz="quarter" idx="24"/>
          </p:nvPr>
        </p:nvSpPr>
        <p:spPr bwMode="gray">
          <a:xfrm>
            <a:off x="263525" y="3001274"/>
            <a:ext cx="2952155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32" name="Content Placeholder 3">
            <a:extLst>
              <a:ext uri="{FF2B5EF4-FFF2-40B4-BE49-F238E27FC236}">
                <a16:creationId xmlns:a16="http://schemas.microsoft.com/office/drawing/2014/main" id="{73465EF4-66D8-44A5-9800-552FABFF1AB5}"/>
              </a:ext>
            </a:extLst>
          </p:cNvPr>
          <p:cNvSpPr>
            <a:spLocks noGrp="1"/>
          </p:cNvSpPr>
          <p:nvPr>
            <p:ph sz="quarter" idx="27"/>
          </p:nvPr>
        </p:nvSpPr>
        <p:spPr bwMode="gray">
          <a:xfrm>
            <a:off x="263525" y="3361504"/>
            <a:ext cx="2952153" cy="720960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34" name="Text Placeholder 11">
            <a:extLst>
              <a:ext uri="{FF2B5EF4-FFF2-40B4-BE49-F238E27FC236}">
                <a16:creationId xmlns:a16="http://schemas.microsoft.com/office/drawing/2014/main" id="{1C770F5A-E529-42AD-8C31-39184B9E3420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275973" y="4496041"/>
            <a:ext cx="2935497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accent4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1" name="Content Placeholder 3">
            <a:extLst>
              <a:ext uri="{FF2B5EF4-FFF2-40B4-BE49-F238E27FC236}">
                <a16:creationId xmlns:a16="http://schemas.microsoft.com/office/drawing/2014/main" id="{F4DAC50B-76F8-4A8A-AECB-24981C653257}"/>
              </a:ext>
            </a:extLst>
          </p:cNvPr>
          <p:cNvSpPr>
            <a:spLocks noGrp="1"/>
          </p:cNvSpPr>
          <p:nvPr>
            <p:ph sz="quarter" idx="28"/>
          </p:nvPr>
        </p:nvSpPr>
        <p:spPr bwMode="gray">
          <a:xfrm>
            <a:off x="275973" y="4873937"/>
            <a:ext cx="2952153" cy="720960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42" name="Content Placeholder 3">
            <a:extLst>
              <a:ext uri="{FF2B5EF4-FFF2-40B4-BE49-F238E27FC236}">
                <a16:creationId xmlns:a16="http://schemas.microsoft.com/office/drawing/2014/main" id="{5D891E61-D8AD-42D7-9D9D-031BF8EE4B4E}"/>
              </a:ext>
            </a:extLst>
          </p:cNvPr>
          <p:cNvSpPr>
            <a:spLocks noGrp="1"/>
          </p:cNvSpPr>
          <p:nvPr>
            <p:ph sz="quarter" idx="31"/>
          </p:nvPr>
        </p:nvSpPr>
        <p:spPr bwMode="gray">
          <a:xfrm>
            <a:off x="3503712" y="2904037"/>
            <a:ext cx="8424763" cy="1208528"/>
          </a:xfrm>
        </p:spPr>
        <p:txBody>
          <a:bodyPr lIns="0" tIns="108000" rIns="0" bIns="0"/>
          <a:lstStyle>
            <a:lvl1pPr>
              <a:lnSpc>
                <a:spcPct val="100000"/>
              </a:lnSpc>
              <a:spcBef>
                <a:spcPts val="600"/>
              </a:spcBef>
              <a:defRPr sz="1200"/>
            </a:lvl1pPr>
            <a:lvl2pPr>
              <a:lnSpc>
                <a:spcPct val="100000"/>
              </a:lnSpc>
              <a:spcBef>
                <a:spcPts val="600"/>
              </a:spcBef>
              <a:defRPr sz="1200"/>
            </a:lvl2pPr>
            <a:lvl3pPr>
              <a:lnSpc>
                <a:spcPct val="100000"/>
              </a:lnSpc>
              <a:spcBef>
                <a:spcPts val="600"/>
              </a:spcBef>
              <a:defRPr sz="1200"/>
            </a:lvl3pPr>
            <a:lvl4pPr>
              <a:lnSpc>
                <a:spcPct val="100000"/>
              </a:lnSpc>
              <a:spcBef>
                <a:spcPts val="600"/>
              </a:spcBef>
              <a:defRPr sz="1200"/>
            </a:lvl4pPr>
            <a:lvl5pPr>
              <a:lnSpc>
                <a:spcPct val="100000"/>
              </a:lnSpc>
              <a:spcBef>
                <a:spcPts val="600"/>
              </a:spcBef>
              <a:defRPr sz="12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43" name="Content Placeholder 3">
            <a:extLst>
              <a:ext uri="{FF2B5EF4-FFF2-40B4-BE49-F238E27FC236}">
                <a16:creationId xmlns:a16="http://schemas.microsoft.com/office/drawing/2014/main" id="{35F881D5-BB6A-4F6C-80FC-64D9F2EE741B}"/>
              </a:ext>
            </a:extLst>
          </p:cNvPr>
          <p:cNvSpPr>
            <a:spLocks noGrp="1"/>
          </p:cNvSpPr>
          <p:nvPr>
            <p:ph sz="quarter" idx="32"/>
          </p:nvPr>
        </p:nvSpPr>
        <p:spPr bwMode="gray">
          <a:xfrm>
            <a:off x="3503712" y="4398803"/>
            <a:ext cx="8424763" cy="1208528"/>
          </a:xfrm>
        </p:spPr>
        <p:txBody>
          <a:bodyPr lIns="0" tIns="108000" rIns="0" bIns="0"/>
          <a:lstStyle>
            <a:lvl1pPr>
              <a:lnSpc>
                <a:spcPct val="100000"/>
              </a:lnSpc>
              <a:spcBef>
                <a:spcPts val="600"/>
              </a:spcBef>
              <a:defRPr sz="1200"/>
            </a:lvl1pPr>
            <a:lvl2pPr>
              <a:lnSpc>
                <a:spcPct val="100000"/>
              </a:lnSpc>
              <a:spcBef>
                <a:spcPts val="600"/>
              </a:spcBef>
              <a:defRPr sz="1200"/>
            </a:lvl2pPr>
            <a:lvl3pPr>
              <a:lnSpc>
                <a:spcPct val="100000"/>
              </a:lnSpc>
              <a:spcBef>
                <a:spcPts val="600"/>
              </a:spcBef>
              <a:defRPr sz="1200"/>
            </a:lvl3pPr>
            <a:lvl4pPr>
              <a:lnSpc>
                <a:spcPct val="100000"/>
              </a:lnSpc>
              <a:spcBef>
                <a:spcPts val="600"/>
              </a:spcBef>
              <a:defRPr sz="1200"/>
            </a:lvl4pPr>
            <a:lvl5pPr>
              <a:lnSpc>
                <a:spcPct val="100000"/>
              </a:lnSpc>
              <a:spcBef>
                <a:spcPts val="600"/>
              </a:spcBef>
              <a:defRPr sz="12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23" name="Text Placeholder 7">
            <a:extLst>
              <a:ext uri="{FF2B5EF4-FFF2-40B4-BE49-F238E27FC236}">
                <a16:creationId xmlns:a16="http://schemas.microsoft.com/office/drawing/2014/main" id="{2D362199-6D4B-4B90-B6A1-5E71DFDDBBF9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 bwMode="gray">
          <a:xfrm>
            <a:off x="0" y="5805264"/>
            <a:ext cx="12192000" cy="539974"/>
          </a:xfrm>
          <a:solidFill>
            <a:schemeClr val="accent6"/>
          </a:solidFill>
        </p:spPr>
        <p:txBody>
          <a:bodyPr lIns="252000" tIns="0" rIns="25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6pPr>
            <a:lvl7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7pPr>
            <a:lvl8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8pPr>
            <a:lvl9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5" name="Picture Placeholder 24">
            <a:extLst>
              <a:ext uri="{FF2B5EF4-FFF2-40B4-BE49-F238E27FC236}">
                <a16:creationId xmlns:a16="http://schemas.microsoft.com/office/drawing/2014/main" id="{AA4F71B5-58F7-4B92-82F1-93C6E0549020}"/>
              </a:ext>
            </a:extLst>
          </p:cNvPr>
          <p:cNvSpPr>
            <a:spLocks noGrp="1"/>
          </p:cNvSpPr>
          <p:nvPr>
            <p:ph type="pic" sz="quarter" idx="36" hasCustomPrompt="1"/>
          </p:nvPr>
        </p:nvSpPr>
        <p:spPr>
          <a:xfrm>
            <a:off x="264913" y="1361963"/>
            <a:ext cx="2952000" cy="28800"/>
          </a:xfrm>
          <a:solidFill>
            <a:schemeClr val="tx2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27" name="Picture Placeholder 24">
            <a:extLst>
              <a:ext uri="{FF2B5EF4-FFF2-40B4-BE49-F238E27FC236}">
                <a16:creationId xmlns:a16="http://schemas.microsoft.com/office/drawing/2014/main" id="{C836F3E1-9D8C-4B54-824E-7375CF4BA92A}"/>
              </a:ext>
            </a:extLst>
          </p:cNvPr>
          <p:cNvSpPr>
            <a:spLocks noGrp="1"/>
          </p:cNvSpPr>
          <p:nvPr>
            <p:ph type="pic" sz="quarter" idx="37" hasCustomPrompt="1"/>
          </p:nvPr>
        </p:nvSpPr>
        <p:spPr>
          <a:xfrm>
            <a:off x="264913" y="2893044"/>
            <a:ext cx="2952000" cy="28800"/>
          </a:xfrm>
          <a:solidFill>
            <a:schemeClr val="tx1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28" name="Picture Placeholder 24">
            <a:extLst>
              <a:ext uri="{FF2B5EF4-FFF2-40B4-BE49-F238E27FC236}">
                <a16:creationId xmlns:a16="http://schemas.microsoft.com/office/drawing/2014/main" id="{53373670-7791-4D09-BD6D-ACD3ED871CD0}"/>
              </a:ext>
            </a:extLst>
          </p:cNvPr>
          <p:cNvSpPr>
            <a:spLocks noGrp="1"/>
          </p:cNvSpPr>
          <p:nvPr>
            <p:ph type="pic" sz="quarter" idx="38" hasCustomPrompt="1"/>
          </p:nvPr>
        </p:nvSpPr>
        <p:spPr>
          <a:xfrm>
            <a:off x="264913" y="4384403"/>
            <a:ext cx="2952000" cy="28800"/>
          </a:xfrm>
          <a:solidFill>
            <a:schemeClr val="accent4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20" name="Title 1">
            <a:extLst>
              <a:ext uri="{FF2B5EF4-FFF2-40B4-BE49-F238E27FC236}">
                <a16:creationId xmlns:a16="http://schemas.microsoft.com/office/drawing/2014/main" id="{A20A5915-B847-497E-8CE3-06F002BDFC2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051A70E3-E773-496E-9A5D-591B9BD7D0DA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3164128925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(3) &amp; Content (4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9" name="Picture Placeholder 3">
            <a:extLst>
              <a:ext uri="{FF2B5EF4-FFF2-40B4-BE49-F238E27FC236}">
                <a16:creationId xmlns:a16="http://schemas.microsoft.com/office/drawing/2014/main" id="{EAD88574-00B8-4D9B-93EB-50F073EEE673}"/>
              </a:ext>
            </a:extLst>
          </p:cNvPr>
          <p:cNvSpPr>
            <a:spLocks noGrp="1"/>
          </p:cNvSpPr>
          <p:nvPr>
            <p:ph type="pic" sz="quarter" idx="23"/>
          </p:nvPr>
        </p:nvSpPr>
        <p:spPr>
          <a:xfrm>
            <a:off x="3489049" y="1376364"/>
            <a:ext cx="8437840" cy="4968873"/>
          </a:xfrm>
          <a:noFill/>
        </p:spPr>
        <p:txBody>
          <a:bodyPr tIns="756000" anchor="ctr"/>
          <a:lstStyle>
            <a:lvl1pPr algn="ctr">
              <a:defRPr>
                <a:solidFill>
                  <a:schemeClr val="accent4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17" name="Text Placeholder 11">
            <a:extLst>
              <a:ext uri="{FF2B5EF4-FFF2-40B4-BE49-F238E27FC236}">
                <a16:creationId xmlns:a16="http://schemas.microsoft.com/office/drawing/2014/main" id="{D200B697-7AE4-424E-83E6-544B82503EE9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280181" y="4985012"/>
            <a:ext cx="2935497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accent4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0" name="Text Placeholder 11">
            <a:extLst>
              <a:ext uri="{FF2B5EF4-FFF2-40B4-BE49-F238E27FC236}">
                <a16:creationId xmlns:a16="http://schemas.microsoft.com/office/drawing/2014/main" id="{DC4BA68C-5B4C-4A6C-846E-96C50FE50D7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 bwMode="gray">
          <a:xfrm>
            <a:off x="263525" y="1473599"/>
            <a:ext cx="2952156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1" name="Text Placeholder 11">
            <a:extLst>
              <a:ext uri="{FF2B5EF4-FFF2-40B4-BE49-F238E27FC236}">
                <a16:creationId xmlns:a16="http://schemas.microsoft.com/office/drawing/2014/main" id="{5EDA259E-FC8F-43D1-B501-E3CEAB636702}"/>
              </a:ext>
            </a:extLst>
          </p:cNvPr>
          <p:cNvSpPr>
            <a:spLocks noGrp="1"/>
          </p:cNvSpPr>
          <p:nvPr>
            <p:ph type="body" sz="quarter" idx="24"/>
          </p:nvPr>
        </p:nvSpPr>
        <p:spPr bwMode="gray">
          <a:xfrm>
            <a:off x="263523" y="3240301"/>
            <a:ext cx="2952155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2" name="Content Placeholder 3">
            <a:extLst>
              <a:ext uri="{FF2B5EF4-FFF2-40B4-BE49-F238E27FC236}">
                <a16:creationId xmlns:a16="http://schemas.microsoft.com/office/drawing/2014/main" id="{374300A6-D16D-4065-B7F9-8A14A4823F9B}"/>
              </a:ext>
            </a:extLst>
          </p:cNvPr>
          <p:cNvSpPr>
            <a:spLocks noGrp="1"/>
          </p:cNvSpPr>
          <p:nvPr>
            <p:ph sz="quarter" idx="27"/>
          </p:nvPr>
        </p:nvSpPr>
        <p:spPr bwMode="gray">
          <a:xfrm>
            <a:off x="263525" y="1844826"/>
            <a:ext cx="2952153" cy="1008108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23" name="Content Placeholder 3">
            <a:extLst>
              <a:ext uri="{FF2B5EF4-FFF2-40B4-BE49-F238E27FC236}">
                <a16:creationId xmlns:a16="http://schemas.microsoft.com/office/drawing/2014/main" id="{B7BF585E-C297-4501-AF84-9BD4BE063F94}"/>
              </a:ext>
            </a:extLst>
          </p:cNvPr>
          <p:cNvSpPr>
            <a:spLocks noGrp="1"/>
          </p:cNvSpPr>
          <p:nvPr>
            <p:ph sz="quarter" idx="28"/>
          </p:nvPr>
        </p:nvSpPr>
        <p:spPr bwMode="gray">
          <a:xfrm>
            <a:off x="263525" y="3600531"/>
            <a:ext cx="2952153" cy="982330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24" name="Content Placeholder 3">
            <a:extLst>
              <a:ext uri="{FF2B5EF4-FFF2-40B4-BE49-F238E27FC236}">
                <a16:creationId xmlns:a16="http://schemas.microsoft.com/office/drawing/2014/main" id="{AB88D336-5640-4086-8C90-556FE2D9D99E}"/>
              </a:ext>
            </a:extLst>
          </p:cNvPr>
          <p:cNvSpPr>
            <a:spLocks noGrp="1"/>
          </p:cNvSpPr>
          <p:nvPr>
            <p:ph sz="quarter" idx="29"/>
          </p:nvPr>
        </p:nvSpPr>
        <p:spPr bwMode="gray">
          <a:xfrm>
            <a:off x="263525" y="5362908"/>
            <a:ext cx="2952153" cy="982330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16" name="Picture Placeholder 24">
            <a:extLst>
              <a:ext uri="{FF2B5EF4-FFF2-40B4-BE49-F238E27FC236}">
                <a16:creationId xmlns:a16="http://schemas.microsoft.com/office/drawing/2014/main" id="{3FBA737A-29A2-47D7-8B8D-D722DB4923A9}"/>
              </a:ext>
            </a:extLst>
          </p:cNvPr>
          <p:cNvSpPr>
            <a:spLocks noGrp="1"/>
          </p:cNvSpPr>
          <p:nvPr>
            <p:ph type="pic" sz="quarter" idx="35" hasCustomPrompt="1"/>
          </p:nvPr>
        </p:nvSpPr>
        <p:spPr>
          <a:xfrm>
            <a:off x="264913" y="1361963"/>
            <a:ext cx="2952000" cy="28800"/>
          </a:xfrm>
          <a:solidFill>
            <a:schemeClr val="tx2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18" name="Picture Placeholder 24">
            <a:extLst>
              <a:ext uri="{FF2B5EF4-FFF2-40B4-BE49-F238E27FC236}">
                <a16:creationId xmlns:a16="http://schemas.microsoft.com/office/drawing/2014/main" id="{4E7C1393-4C9A-4BA9-9221-45C673C9DEB0}"/>
              </a:ext>
            </a:extLst>
          </p:cNvPr>
          <p:cNvSpPr>
            <a:spLocks noGrp="1"/>
          </p:cNvSpPr>
          <p:nvPr>
            <p:ph type="pic" sz="quarter" idx="36" hasCustomPrompt="1"/>
          </p:nvPr>
        </p:nvSpPr>
        <p:spPr>
          <a:xfrm>
            <a:off x="264913" y="3128036"/>
            <a:ext cx="2952000" cy="28800"/>
          </a:xfrm>
          <a:solidFill>
            <a:schemeClr val="tx1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30" name="Picture Placeholder 24">
            <a:extLst>
              <a:ext uri="{FF2B5EF4-FFF2-40B4-BE49-F238E27FC236}">
                <a16:creationId xmlns:a16="http://schemas.microsoft.com/office/drawing/2014/main" id="{19CC5E9F-D92F-41D4-B837-4C6B6DADFC81}"/>
              </a:ext>
            </a:extLst>
          </p:cNvPr>
          <p:cNvSpPr>
            <a:spLocks noGrp="1"/>
          </p:cNvSpPr>
          <p:nvPr>
            <p:ph type="pic" sz="quarter" idx="37" hasCustomPrompt="1"/>
          </p:nvPr>
        </p:nvSpPr>
        <p:spPr>
          <a:xfrm>
            <a:off x="264913" y="4873374"/>
            <a:ext cx="2952000" cy="28800"/>
          </a:xfrm>
          <a:solidFill>
            <a:schemeClr val="accent4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27" name="Title 1">
            <a:extLst>
              <a:ext uri="{FF2B5EF4-FFF2-40B4-BE49-F238E27FC236}">
                <a16:creationId xmlns:a16="http://schemas.microsoft.com/office/drawing/2014/main" id="{AA928351-B87F-49BA-ACE8-AE4121245B8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6809777C-5911-48A2-803C-E2CFEB57EE83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3300660499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(3) &amp; Content (4) &amp; Bo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21" name="Picture Placeholder 3">
            <a:extLst>
              <a:ext uri="{FF2B5EF4-FFF2-40B4-BE49-F238E27FC236}">
                <a16:creationId xmlns:a16="http://schemas.microsoft.com/office/drawing/2014/main" id="{9CC6681E-BC33-4CAF-AFB3-EBB43BD322E0}"/>
              </a:ext>
            </a:extLst>
          </p:cNvPr>
          <p:cNvSpPr>
            <a:spLocks noGrp="1"/>
          </p:cNvSpPr>
          <p:nvPr>
            <p:ph type="pic" sz="quarter" idx="23"/>
          </p:nvPr>
        </p:nvSpPr>
        <p:spPr>
          <a:xfrm>
            <a:off x="3489049" y="1376364"/>
            <a:ext cx="8437840" cy="4264475"/>
          </a:xfrm>
          <a:noFill/>
        </p:spPr>
        <p:txBody>
          <a:bodyPr tIns="756000" anchor="ctr"/>
          <a:lstStyle>
            <a:lvl1pPr algn="ctr">
              <a:defRPr>
                <a:solidFill>
                  <a:schemeClr val="accent4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19" name="Text Placeholder 11">
            <a:extLst>
              <a:ext uri="{FF2B5EF4-FFF2-40B4-BE49-F238E27FC236}">
                <a16:creationId xmlns:a16="http://schemas.microsoft.com/office/drawing/2014/main" id="{A456FEF9-EFA3-4797-83EF-F48AA5968C8F}"/>
              </a:ext>
            </a:extLst>
          </p:cNvPr>
          <p:cNvSpPr>
            <a:spLocks noGrp="1"/>
          </p:cNvSpPr>
          <p:nvPr>
            <p:ph type="body" sz="quarter" idx="30"/>
          </p:nvPr>
        </p:nvSpPr>
        <p:spPr bwMode="gray">
          <a:xfrm>
            <a:off x="263525" y="1473599"/>
            <a:ext cx="2952156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0" name="Content Placeholder 3">
            <a:extLst>
              <a:ext uri="{FF2B5EF4-FFF2-40B4-BE49-F238E27FC236}">
                <a16:creationId xmlns:a16="http://schemas.microsoft.com/office/drawing/2014/main" id="{418C37B3-FDA7-4582-A6B2-DF971CCAAD37}"/>
              </a:ext>
            </a:extLst>
          </p:cNvPr>
          <p:cNvSpPr>
            <a:spLocks noGrp="1"/>
          </p:cNvSpPr>
          <p:nvPr>
            <p:ph sz="quarter" idx="26"/>
          </p:nvPr>
        </p:nvSpPr>
        <p:spPr bwMode="gray">
          <a:xfrm>
            <a:off x="263525" y="1844826"/>
            <a:ext cx="2952153" cy="739879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23" name="Text Placeholder 11">
            <a:extLst>
              <a:ext uri="{FF2B5EF4-FFF2-40B4-BE49-F238E27FC236}">
                <a16:creationId xmlns:a16="http://schemas.microsoft.com/office/drawing/2014/main" id="{73138666-4D60-430D-84CA-98923051AE97}"/>
              </a:ext>
            </a:extLst>
          </p:cNvPr>
          <p:cNvSpPr>
            <a:spLocks noGrp="1"/>
          </p:cNvSpPr>
          <p:nvPr>
            <p:ph type="body" sz="quarter" idx="24"/>
          </p:nvPr>
        </p:nvSpPr>
        <p:spPr bwMode="gray">
          <a:xfrm>
            <a:off x="263525" y="3001274"/>
            <a:ext cx="2952155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4" name="Content Placeholder 3">
            <a:extLst>
              <a:ext uri="{FF2B5EF4-FFF2-40B4-BE49-F238E27FC236}">
                <a16:creationId xmlns:a16="http://schemas.microsoft.com/office/drawing/2014/main" id="{7F262DA2-6165-4B36-88C9-DAE3B63AD4F1}"/>
              </a:ext>
            </a:extLst>
          </p:cNvPr>
          <p:cNvSpPr>
            <a:spLocks noGrp="1"/>
          </p:cNvSpPr>
          <p:nvPr>
            <p:ph sz="quarter" idx="27"/>
          </p:nvPr>
        </p:nvSpPr>
        <p:spPr bwMode="gray">
          <a:xfrm>
            <a:off x="263525" y="3361504"/>
            <a:ext cx="2952153" cy="720960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26" name="Text Placeholder 11">
            <a:extLst>
              <a:ext uri="{FF2B5EF4-FFF2-40B4-BE49-F238E27FC236}">
                <a16:creationId xmlns:a16="http://schemas.microsoft.com/office/drawing/2014/main" id="{88847DCA-998F-4A45-800E-CAFE0984C321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275973" y="4496041"/>
            <a:ext cx="2935497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accent4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7" name="Content Placeholder 3">
            <a:extLst>
              <a:ext uri="{FF2B5EF4-FFF2-40B4-BE49-F238E27FC236}">
                <a16:creationId xmlns:a16="http://schemas.microsoft.com/office/drawing/2014/main" id="{C16325E6-C1F6-4393-A300-FB4F110973D8}"/>
              </a:ext>
            </a:extLst>
          </p:cNvPr>
          <p:cNvSpPr>
            <a:spLocks noGrp="1"/>
          </p:cNvSpPr>
          <p:nvPr>
            <p:ph sz="quarter" idx="28"/>
          </p:nvPr>
        </p:nvSpPr>
        <p:spPr bwMode="gray">
          <a:xfrm>
            <a:off x="275973" y="4873937"/>
            <a:ext cx="2952153" cy="720960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17" name="Text Placeholder 7">
            <a:extLst>
              <a:ext uri="{FF2B5EF4-FFF2-40B4-BE49-F238E27FC236}">
                <a16:creationId xmlns:a16="http://schemas.microsoft.com/office/drawing/2014/main" id="{F9EB9EBF-A7BC-402C-B3E0-262AB3649DD2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 bwMode="gray">
          <a:xfrm>
            <a:off x="0" y="5805264"/>
            <a:ext cx="12192000" cy="539974"/>
          </a:xfrm>
          <a:solidFill>
            <a:schemeClr val="accent6"/>
          </a:solidFill>
        </p:spPr>
        <p:txBody>
          <a:bodyPr lIns="252000" tIns="0" rIns="25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6pPr>
            <a:lvl7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7pPr>
            <a:lvl8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8pPr>
            <a:lvl9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2" name="Picture Placeholder 24">
            <a:extLst>
              <a:ext uri="{FF2B5EF4-FFF2-40B4-BE49-F238E27FC236}">
                <a16:creationId xmlns:a16="http://schemas.microsoft.com/office/drawing/2014/main" id="{F46F1FB5-199E-4A64-88F4-3FB8588CF0AF}"/>
              </a:ext>
            </a:extLst>
          </p:cNvPr>
          <p:cNvSpPr>
            <a:spLocks noGrp="1"/>
          </p:cNvSpPr>
          <p:nvPr>
            <p:ph type="pic" sz="quarter" idx="36" hasCustomPrompt="1"/>
          </p:nvPr>
        </p:nvSpPr>
        <p:spPr>
          <a:xfrm>
            <a:off x="264913" y="1361963"/>
            <a:ext cx="2952000" cy="28800"/>
          </a:xfrm>
          <a:solidFill>
            <a:schemeClr val="tx2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25" name="Picture Placeholder 24">
            <a:extLst>
              <a:ext uri="{FF2B5EF4-FFF2-40B4-BE49-F238E27FC236}">
                <a16:creationId xmlns:a16="http://schemas.microsoft.com/office/drawing/2014/main" id="{B1668C6F-DC3A-4749-8B7C-383DA1E147DE}"/>
              </a:ext>
            </a:extLst>
          </p:cNvPr>
          <p:cNvSpPr>
            <a:spLocks noGrp="1"/>
          </p:cNvSpPr>
          <p:nvPr>
            <p:ph type="pic" sz="quarter" idx="37" hasCustomPrompt="1"/>
          </p:nvPr>
        </p:nvSpPr>
        <p:spPr>
          <a:xfrm>
            <a:off x="264913" y="2893044"/>
            <a:ext cx="2952000" cy="28800"/>
          </a:xfrm>
          <a:solidFill>
            <a:schemeClr val="tx1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28" name="Picture Placeholder 24">
            <a:extLst>
              <a:ext uri="{FF2B5EF4-FFF2-40B4-BE49-F238E27FC236}">
                <a16:creationId xmlns:a16="http://schemas.microsoft.com/office/drawing/2014/main" id="{9344FF73-CD20-4A20-A858-93DFA4F381D7}"/>
              </a:ext>
            </a:extLst>
          </p:cNvPr>
          <p:cNvSpPr>
            <a:spLocks noGrp="1"/>
          </p:cNvSpPr>
          <p:nvPr>
            <p:ph type="pic" sz="quarter" idx="38" hasCustomPrompt="1"/>
          </p:nvPr>
        </p:nvSpPr>
        <p:spPr>
          <a:xfrm>
            <a:off x="264913" y="4384403"/>
            <a:ext cx="2952000" cy="28800"/>
          </a:xfrm>
          <a:solidFill>
            <a:schemeClr val="accent4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29" name="Title 1">
            <a:extLst>
              <a:ext uri="{FF2B5EF4-FFF2-40B4-BE49-F238E27FC236}">
                <a16:creationId xmlns:a16="http://schemas.microsoft.com/office/drawing/2014/main" id="{6F663D08-3767-42E7-8213-FF35A9ED0D9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8667E8E8-4BBA-4A1F-9272-1350B47556E2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587409867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(3) &amp; Content (3) &amp; Numbers (3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38" name="Text Placeholder 11">
            <a:extLst>
              <a:ext uri="{FF2B5EF4-FFF2-40B4-BE49-F238E27FC236}">
                <a16:creationId xmlns:a16="http://schemas.microsoft.com/office/drawing/2014/main" id="{334276D4-69E8-479D-9F34-5E846D41D7C3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 bwMode="gray">
          <a:xfrm>
            <a:off x="263524" y="3532205"/>
            <a:ext cx="3528219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39" name="Text Placeholder 11">
            <a:extLst>
              <a:ext uri="{FF2B5EF4-FFF2-40B4-BE49-F238E27FC236}">
                <a16:creationId xmlns:a16="http://schemas.microsoft.com/office/drawing/2014/main" id="{D78A5E39-BD74-4E47-BCC6-1789A4ECF3F4}"/>
              </a:ext>
            </a:extLst>
          </p:cNvPr>
          <p:cNvSpPr>
            <a:spLocks noGrp="1"/>
          </p:cNvSpPr>
          <p:nvPr>
            <p:ph type="body" sz="quarter" idx="24"/>
          </p:nvPr>
        </p:nvSpPr>
        <p:spPr bwMode="gray">
          <a:xfrm>
            <a:off x="4325749" y="3532205"/>
            <a:ext cx="3528036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0" name="Text Placeholder 11">
            <a:extLst>
              <a:ext uri="{FF2B5EF4-FFF2-40B4-BE49-F238E27FC236}">
                <a16:creationId xmlns:a16="http://schemas.microsoft.com/office/drawing/2014/main" id="{25E45DFB-3F74-413C-840C-C77358A01D7D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8381696" y="3532205"/>
            <a:ext cx="3546779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accent4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1" name="Content Placeholder 3">
            <a:extLst>
              <a:ext uri="{FF2B5EF4-FFF2-40B4-BE49-F238E27FC236}">
                <a16:creationId xmlns:a16="http://schemas.microsoft.com/office/drawing/2014/main" id="{12C3E05B-F4DE-48A5-96D0-3C4010D5B8F8}"/>
              </a:ext>
            </a:extLst>
          </p:cNvPr>
          <p:cNvSpPr>
            <a:spLocks noGrp="1"/>
          </p:cNvSpPr>
          <p:nvPr>
            <p:ph sz="quarter" idx="26"/>
          </p:nvPr>
        </p:nvSpPr>
        <p:spPr bwMode="gray">
          <a:xfrm>
            <a:off x="4325750" y="3903424"/>
            <a:ext cx="3528034" cy="965736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2" name="Content Placeholder 3">
            <a:extLst>
              <a:ext uri="{FF2B5EF4-FFF2-40B4-BE49-F238E27FC236}">
                <a16:creationId xmlns:a16="http://schemas.microsoft.com/office/drawing/2014/main" id="{732C4B7D-BBBD-47FD-B2B2-17406547E1D4}"/>
              </a:ext>
            </a:extLst>
          </p:cNvPr>
          <p:cNvSpPr>
            <a:spLocks noGrp="1"/>
          </p:cNvSpPr>
          <p:nvPr>
            <p:ph sz="quarter" idx="27"/>
          </p:nvPr>
        </p:nvSpPr>
        <p:spPr bwMode="gray">
          <a:xfrm>
            <a:off x="8381697" y="3903424"/>
            <a:ext cx="3546779" cy="965736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3" name="Content Placeholder 3">
            <a:extLst>
              <a:ext uri="{FF2B5EF4-FFF2-40B4-BE49-F238E27FC236}">
                <a16:creationId xmlns:a16="http://schemas.microsoft.com/office/drawing/2014/main" id="{991CCDC2-331B-485D-A908-198D803BF9B8}"/>
              </a:ext>
            </a:extLst>
          </p:cNvPr>
          <p:cNvSpPr>
            <a:spLocks noGrp="1"/>
          </p:cNvSpPr>
          <p:nvPr>
            <p:ph sz="quarter" idx="28"/>
          </p:nvPr>
        </p:nvSpPr>
        <p:spPr bwMode="gray">
          <a:xfrm>
            <a:off x="263524" y="3903424"/>
            <a:ext cx="3528219" cy="965736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27" name="Content Placeholder 6">
            <a:extLst>
              <a:ext uri="{FF2B5EF4-FFF2-40B4-BE49-F238E27FC236}">
                <a16:creationId xmlns:a16="http://schemas.microsoft.com/office/drawing/2014/main" id="{FF461397-9E3E-4AF0-993E-CDCD014A8749}"/>
              </a:ext>
            </a:extLst>
          </p:cNvPr>
          <p:cNvSpPr>
            <a:spLocks noGrp="1"/>
          </p:cNvSpPr>
          <p:nvPr>
            <p:ph sz="quarter" idx="43" hasCustomPrompt="1"/>
          </p:nvPr>
        </p:nvSpPr>
        <p:spPr>
          <a:xfrm>
            <a:off x="263526" y="2341885"/>
            <a:ext cx="1512000" cy="943200"/>
          </a:xfrm>
          <a:prstGeom prst="rect">
            <a:avLst/>
          </a:prstGeom>
          <a:noFill/>
        </p:spPr>
        <p:txBody>
          <a:bodyPr tIns="0" anchor="t" anchorCtr="0"/>
          <a:lstStyle>
            <a:lvl1pPr algn="l">
              <a:spcBef>
                <a:spcPts val="0"/>
              </a:spcBef>
              <a:defRPr sz="6600" b="1">
                <a:solidFill>
                  <a:schemeClr val="accent5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01.</a:t>
            </a:r>
          </a:p>
        </p:txBody>
      </p:sp>
      <p:sp>
        <p:nvSpPr>
          <p:cNvPr id="28" name="Content Placeholder 6">
            <a:extLst>
              <a:ext uri="{FF2B5EF4-FFF2-40B4-BE49-F238E27FC236}">
                <a16:creationId xmlns:a16="http://schemas.microsoft.com/office/drawing/2014/main" id="{A6A7DFB3-349A-4DAD-B217-CF4EC389CA56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4325561" y="2341885"/>
            <a:ext cx="1512000" cy="943200"/>
          </a:xfrm>
          <a:prstGeom prst="rect">
            <a:avLst/>
          </a:prstGeom>
          <a:noFill/>
        </p:spPr>
        <p:txBody>
          <a:bodyPr tIns="0" anchor="t" anchorCtr="0"/>
          <a:lstStyle>
            <a:lvl1pPr algn="l">
              <a:spcBef>
                <a:spcPts val="0"/>
              </a:spcBef>
              <a:defRPr sz="6600" b="1">
                <a:solidFill>
                  <a:schemeClr val="accent5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02.</a:t>
            </a:r>
          </a:p>
        </p:txBody>
      </p:sp>
      <p:sp>
        <p:nvSpPr>
          <p:cNvPr id="29" name="Content Placeholder 6">
            <a:extLst>
              <a:ext uri="{FF2B5EF4-FFF2-40B4-BE49-F238E27FC236}">
                <a16:creationId xmlns:a16="http://schemas.microsoft.com/office/drawing/2014/main" id="{8F31884C-A4A7-4688-ACCF-FD03ED05AA24}"/>
              </a:ext>
            </a:extLst>
          </p:cNvPr>
          <p:cNvSpPr>
            <a:spLocks noGrp="1"/>
          </p:cNvSpPr>
          <p:nvPr>
            <p:ph sz="quarter" idx="45" hasCustomPrompt="1"/>
          </p:nvPr>
        </p:nvSpPr>
        <p:spPr>
          <a:xfrm>
            <a:off x="8381692" y="2341885"/>
            <a:ext cx="1512000" cy="943200"/>
          </a:xfrm>
          <a:prstGeom prst="rect">
            <a:avLst/>
          </a:prstGeom>
          <a:noFill/>
        </p:spPr>
        <p:txBody>
          <a:bodyPr tIns="0" anchor="t" anchorCtr="0"/>
          <a:lstStyle>
            <a:lvl1pPr algn="l">
              <a:spcBef>
                <a:spcPts val="0"/>
              </a:spcBef>
              <a:defRPr sz="6600" b="1">
                <a:solidFill>
                  <a:schemeClr val="accent5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03.</a:t>
            </a:r>
          </a:p>
        </p:txBody>
      </p:sp>
      <p:sp>
        <p:nvSpPr>
          <p:cNvPr id="22" name="Picture Placeholder 24">
            <a:extLst>
              <a:ext uri="{FF2B5EF4-FFF2-40B4-BE49-F238E27FC236}">
                <a16:creationId xmlns:a16="http://schemas.microsoft.com/office/drawing/2014/main" id="{AC344F38-9189-4DF0-B7AA-36D855DF2664}"/>
              </a:ext>
            </a:extLst>
          </p:cNvPr>
          <p:cNvSpPr>
            <a:spLocks noGrp="1"/>
          </p:cNvSpPr>
          <p:nvPr>
            <p:ph type="pic" sz="quarter" idx="33" hasCustomPrompt="1"/>
          </p:nvPr>
        </p:nvSpPr>
        <p:spPr>
          <a:xfrm>
            <a:off x="264913" y="3416161"/>
            <a:ext cx="3528000" cy="28800"/>
          </a:xfrm>
          <a:solidFill>
            <a:schemeClr val="tx2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23" name="Picture Placeholder 24">
            <a:extLst>
              <a:ext uri="{FF2B5EF4-FFF2-40B4-BE49-F238E27FC236}">
                <a16:creationId xmlns:a16="http://schemas.microsoft.com/office/drawing/2014/main" id="{88A8D72B-481C-4915-BDD5-84F33CD0D326}"/>
              </a:ext>
            </a:extLst>
          </p:cNvPr>
          <p:cNvSpPr>
            <a:spLocks noGrp="1"/>
          </p:cNvSpPr>
          <p:nvPr>
            <p:ph type="pic" sz="quarter" idx="34" hasCustomPrompt="1"/>
          </p:nvPr>
        </p:nvSpPr>
        <p:spPr>
          <a:xfrm>
            <a:off x="4325785" y="3416161"/>
            <a:ext cx="3528000" cy="28800"/>
          </a:xfrm>
          <a:solidFill>
            <a:schemeClr val="tx1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24" name="Picture Placeholder 24">
            <a:extLst>
              <a:ext uri="{FF2B5EF4-FFF2-40B4-BE49-F238E27FC236}">
                <a16:creationId xmlns:a16="http://schemas.microsoft.com/office/drawing/2014/main" id="{A1BCB47C-BD27-4922-A21C-D0A18902CEE2}"/>
              </a:ext>
            </a:extLst>
          </p:cNvPr>
          <p:cNvSpPr>
            <a:spLocks noGrp="1"/>
          </p:cNvSpPr>
          <p:nvPr>
            <p:ph type="pic" sz="quarter" idx="46" hasCustomPrompt="1"/>
          </p:nvPr>
        </p:nvSpPr>
        <p:spPr>
          <a:xfrm>
            <a:off x="8400475" y="3416161"/>
            <a:ext cx="3528000" cy="28800"/>
          </a:xfrm>
          <a:solidFill>
            <a:schemeClr val="accent4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19" name="Title 1">
            <a:extLst>
              <a:ext uri="{FF2B5EF4-FFF2-40B4-BE49-F238E27FC236}">
                <a16:creationId xmlns:a16="http://schemas.microsoft.com/office/drawing/2014/main" id="{5A74342C-ADC8-4817-82CE-51621131984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FB2ADC8B-0840-412C-9EF7-4083C01225C8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285971620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9F16641-4E04-403B-9363-8E1E3B8DE85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pl-PL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7A54E0A-7397-42A5-B7EE-0DA049A463B4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pl-PL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D6CCA85-F91A-481A-A5EA-8A2167E69552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pl-PL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F1A78D5-F699-47D3-AF4F-95741FAA5B0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C09CA78-A29A-4CD4-9A25-957092CA3074}" type="datetimeFigureOut">
              <a:rPr lang="pl-PL" smtClean="0"/>
              <a:t>21.07.2021</a:t>
            </a:fld>
            <a:endParaRPr lang="pl-PL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149EB08-8A87-4222-B563-39FBAA0AA39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l-PL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7D0554E-94D5-4D95-90F3-1328D4A6621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C577F83-369C-4B9F-8EE9-95C30396C532}" type="slidenum">
              <a:rPr lang="pl-PL" smtClean="0"/>
              <a:t>‹#›</a:t>
            </a:fld>
            <a:endParaRPr lang="pl-PL"/>
          </a:p>
        </p:txBody>
      </p:sp>
    </p:spTree>
    <p:extLst>
      <p:ext uri="{BB962C8B-B14F-4D97-AF65-F5344CB8AC3E}">
        <p14:creationId xmlns:p14="http://schemas.microsoft.com/office/powerpoint/2010/main" val="2547853606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(4) &amp; Content (4) &amp; Numbers (4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31" name="Text Placeholder 11">
            <a:extLst>
              <a:ext uri="{FF2B5EF4-FFF2-40B4-BE49-F238E27FC236}">
                <a16:creationId xmlns:a16="http://schemas.microsoft.com/office/drawing/2014/main" id="{D1D57BDC-6E92-486A-AE2C-5DDC13E1D23C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 bwMode="gray">
          <a:xfrm>
            <a:off x="263525" y="3532205"/>
            <a:ext cx="2700000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</a:t>
            </a:r>
          </a:p>
        </p:txBody>
      </p:sp>
      <p:sp>
        <p:nvSpPr>
          <p:cNvPr id="32" name="Content Placeholder 3">
            <a:extLst>
              <a:ext uri="{FF2B5EF4-FFF2-40B4-BE49-F238E27FC236}">
                <a16:creationId xmlns:a16="http://schemas.microsoft.com/office/drawing/2014/main" id="{02392784-44EE-4314-84BD-B868C1661DD3}"/>
              </a:ext>
            </a:extLst>
          </p:cNvPr>
          <p:cNvSpPr>
            <a:spLocks noGrp="1"/>
          </p:cNvSpPr>
          <p:nvPr>
            <p:ph sz="quarter" idx="28"/>
          </p:nvPr>
        </p:nvSpPr>
        <p:spPr bwMode="gray">
          <a:xfrm>
            <a:off x="263525" y="3903424"/>
            <a:ext cx="2700000" cy="965736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33" name="Text Placeholder 11">
            <a:extLst>
              <a:ext uri="{FF2B5EF4-FFF2-40B4-BE49-F238E27FC236}">
                <a16:creationId xmlns:a16="http://schemas.microsoft.com/office/drawing/2014/main" id="{3D96C7B1-1BCB-4F43-BFC8-1399F3D13547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 bwMode="gray">
          <a:xfrm>
            <a:off x="3251841" y="3532205"/>
            <a:ext cx="2700000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</a:t>
            </a:r>
          </a:p>
        </p:txBody>
      </p:sp>
      <p:sp>
        <p:nvSpPr>
          <p:cNvPr id="34" name="Content Placeholder 3">
            <a:extLst>
              <a:ext uri="{FF2B5EF4-FFF2-40B4-BE49-F238E27FC236}">
                <a16:creationId xmlns:a16="http://schemas.microsoft.com/office/drawing/2014/main" id="{CDAC2527-DFB4-4638-8DCD-E04B936CE13D}"/>
              </a:ext>
            </a:extLst>
          </p:cNvPr>
          <p:cNvSpPr>
            <a:spLocks noGrp="1"/>
          </p:cNvSpPr>
          <p:nvPr>
            <p:ph sz="quarter" idx="30"/>
          </p:nvPr>
        </p:nvSpPr>
        <p:spPr bwMode="gray">
          <a:xfrm>
            <a:off x="3251841" y="3903424"/>
            <a:ext cx="2700000" cy="965736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35" name="Text Placeholder 11">
            <a:extLst>
              <a:ext uri="{FF2B5EF4-FFF2-40B4-BE49-F238E27FC236}">
                <a16:creationId xmlns:a16="http://schemas.microsoft.com/office/drawing/2014/main" id="{AB5DAA13-2760-45CC-A6EC-7BEB802406FC}"/>
              </a:ext>
            </a:extLst>
          </p:cNvPr>
          <p:cNvSpPr>
            <a:spLocks noGrp="1"/>
          </p:cNvSpPr>
          <p:nvPr>
            <p:ph type="body" sz="quarter" idx="31"/>
          </p:nvPr>
        </p:nvSpPr>
        <p:spPr bwMode="gray">
          <a:xfrm>
            <a:off x="6240158" y="3532205"/>
            <a:ext cx="2700000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</a:t>
            </a:r>
          </a:p>
        </p:txBody>
      </p:sp>
      <p:sp>
        <p:nvSpPr>
          <p:cNvPr id="36" name="Content Placeholder 3">
            <a:extLst>
              <a:ext uri="{FF2B5EF4-FFF2-40B4-BE49-F238E27FC236}">
                <a16:creationId xmlns:a16="http://schemas.microsoft.com/office/drawing/2014/main" id="{8E59A62E-84C3-48BA-868C-E3454A6916E1}"/>
              </a:ext>
            </a:extLst>
          </p:cNvPr>
          <p:cNvSpPr>
            <a:spLocks noGrp="1"/>
          </p:cNvSpPr>
          <p:nvPr>
            <p:ph sz="quarter" idx="32"/>
          </p:nvPr>
        </p:nvSpPr>
        <p:spPr bwMode="gray">
          <a:xfrm>
            <a:off x="6240158" y="3903424"/>
            <a:ext cx="2700000" cy="965736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37" name="Text Placeholder 11">
            <a:extLst>
              <a:ext uri="{FF2B5EF4-FFF2-40B4-BE49-F238E27FC236}">
                <a16:creationId xmlns:a16="http://schemas.microsoft.com/office/drawing/2014/main" id="{79BBCBA5-D7D9-4D52-8F30-668C4D95A73A}"/>
              </a:ext>
            </a:extLst>
          </p:cNvPr>
          <p:cNvSpPr>
            <a:spLocks noGrp="1"/>
          </p:cNvSpPr>
          <p:nvPr>
            <p:ph type="body" sz="quarter" idx="33"/>
          </p:nvPr>
        </p:nvSpPr>
        <p:spPr bwMode="gray">
          <a:xfrm>
            <a:off x="9228475" y="3532205"/>
            <a:ext cx="2700000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</a:t>
            </a:r>
          </a:p>
        </p:txBody>
      </p:sp>
      <p:sp>
        <p:nvSpPr>
          <p:cNvPr id="38" name="Content Placeholder 3">
            <a:extLst>
              <a:ext uri="{FF2B5EF4-FFF2-40B4-BE49-F238E27FC236}">
                <a16:creationId xmlns:a16="http://schemas.microsoft.com/office/drawing/2014/main" id="{F2921E8B-05BF-434D-A65F-66946D72EAE7}"/>
              </a:ext>
            </a:extLst>
          </p:cNvPr>
          <p:cNvSpPr>
            <a:spLocks noGrp="1"/>
          </p:cNvSpPr>
          <p:nvPr>
            <p:ph sz="quarter" idx="34"/>
          </p:nvPr>
        </p:nvSpPr>
        <p:spPr bwMode="gray">
          <a:xfrm>
            <a:off x="9228475" y="3903424"/>
            <a:ext cx="2700000" cy="965736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30" name="Content Placeholder 6">
            <a:extLst>
              <a:ext uri="{FF2B5EF4-FFF2-40B4-BE49-F238E27FC236}">
                <a16:creationId xmlns:a16="http://schemas.microsoft.com/office/drawing/2014/main" id="{D4A65557-9CD2-406D-8B52-6943070AE0AB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3251841" y="2341885"/>
            <a:ext cx="1512000" cy="943200"/>
          </a:xfrm>
          <a:prstGeom prst="rect">
            <a:avLst/>
          </a:prstGeom>
          <a:noFill/>
        </p:spPr>
        <p:txBody>
          <a:bodyPr tIns="0" anchor="t" anchorCtr="0"/>
          <a:lstStyle>
            <a:lvl1pPr algn="l">
              <a:spcBef>
                <a:spcPts val="0"/>
              </a:spcBef>
              <a:defRPr sz="6600" b="1">
                <a:solidFill>
                  <a:schemeClr val="accent5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02.</a:t>
            </a:r>
          </a:p>
        </p:txBody>
      </p:sp>
      <p:sp>
        <p:nvSpPr>
          <p:cNvPr id="39" name="Content Placeholder 6">
            <a:extLst>
              <a:ext uri="{FF2B5EF4-FFF2-40B4-BE49-F238E27FC236}">
                <a16:creationId xmlns:a16="http://schemas.microsoft.com/office/drawing/2014/main" id="{018F2D4F-C26A-4C5E-A29A-571528EABD05}"/>
              </a:ext>
            </a:extLst>
          </p:cNvPr>
          <p:cNvSpPr>
            <a:spLocks noGrp="1"/>
          </p:cNvSpPr>
          <p:nvPr>
            <p:ph sz="quarter" idx="45" hasCustomPrompt="1"/>
          </p:nvPr>
        </p:nvSpPr>
        <p:spPr>
          <a:xfrm>
            <a:off x="6240156" y="2341885"/>
            <a:ext cx="1512000" cy="943200"/>
          </a:xfrm>
          <a:prstGeom prst="rect">
            <a:avLst/>
          </a:prstGeom>
          <a:noFill/>
        </p:spPr>
        <p:txBody>
          <a:bodyPr tIns="0" anchor="t" anchorCtr="0"/>
          <a:lstStyle>
            <a:lvl1pPr algn="l">
              <a:spcBef>
                <a:spcPts val="0"/>
              </a:spcBef>
              <a:defRPr sz="6600" b="1">
                <a:solidFill>
                  <a:schemeClr val="accent5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03.</a:t>
            </a:r>
          </a:p>
        </p:txBody>
      </p:sp>
      <p:sp>
        <p:nvSpPr>
          <p:cNvPr id="41" name="Content Placeholder 6">
            <a:extLst>
              <a:ext uri="{FF2B5EF4-FFF2-40B4-BE49-F238E27FC236}">
                <a16:creationId xmlns:a16="http://schemas.microsoft.com/office/drawing/2014/main" id="{6F08678E-73C5-4F03-9E09-85D20BD9B99F}"/>
              </a:ext>
            </a:extLst>
          </p:cNvPr>
          <p:cNvSpPr>
            <a:spLocks noGrp="1"/>
          </p:cNvSpPr>
          <p:nvPr>
            <p:ph sz="quarter" idx="43" hasCustomPrompt="1"/>
          </p:nvPr>
        </p:nvSpPr>
        <p:spPr>
          <a:xfrm>
            <a:off x="263526" y="2341885"/>
            <a:ext cx="1512000" cy="943200"/>
          </a:xfrm>
          <a:prstGeom prst="rect">
            <a:avLst/>
          </a:prstGeom>
          <a:noFill/>
        </p:spPr>
        <p:txBody>
          <a:bodyPr tIns="0" anchor="t" anchorCtr="0"/>
          <a:lstStyle>
            <a:lvl1pPr algn="l">
              <a:spcBef>
                <a:spcPts val="0"/>
              </a:spcBef>
              <a:defRPr sz="6600" b="1">
                <a:solidFill>
                  <a:schemeClr val="accent5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01.</a:t>
            </a:r>
          </a:p>
        </p:txBody>
      </p:sp>
      <p:sp>
        <p:nvSpPr>
          <p:cNvPr id="42" name="Content Placeholder 6">
            <a:extLst>
              <a:ext uri="{FF2B5EF4-FFF2-40B4-BE49-F238E27FC236}">
                <a16:creationId xmlns:a16="http://schemas.microsoft.com/office/drawing/2014/main" id="{38A6D437-EBE7-487A-A3B0-DE8D773F65CB}"/>
              </a:ext>
            </a:extLst>
          </p:cNvPr>
          <p:cNvSpPr>
            <a:spLocks noGrp="1"/>
          </p:cNvSpPr>
          <p:nvPr>
            <p:ph sz="quarter" idx="46" hasCustomPrompt="1"/>
          </p:nvPr>
        </p:nvSpPr>
        <p:spPr>
          <a:xfrm>
            <a:off x="9228471" y="2341885"/>
            <a:ext cx="1512000" cy="943200"/>
          </a:xfrm>
          <a:prstGeom prst="rect">
            <a:avLst/>
          </a:prstGeom>
          <a:noFill/>
        </p:spPr>
        <p:txBody>
          <a:bodyPr tIns="0" anchor="t" anchorCtr="0"/>
          <a:lstStyle>
            <a:lvl1pPr algn="l">
              <a:spcBef>
                <a:spcPts val="0"/>
              </a:spcBef>
              <a:defRPr sz="6600" b="1">
                <a:solidFill>
                  <a:schemeClr val="accent5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04.</a:t>
            </a:r>
          </a:p>
        </p:txBody>
      </p:sp>
      <p:sp>
        <p:nvSpPr>
          <p:cNvPr id="22" name="Picture Placeholder 24">
            <a:extLst>
              <a:ext uri="{FF2B5EF4-FFF2-40B4-BE49-F238E27FC236}">
                <a16:creationId xmlns:a16="http://schemas.microsoft.com/office/drawing/2014/main" id="{296EF94D-388C-4665-A879-39D6F7DC9D27}"/>
              </a:ext>
            </a:extLst>
          </p:cNvPr>
          <p:cNvSpPr>
            <a:spLocks noGrp="1"/>
          </p:cNvSpPr>
          <p:nvPr>
            <p:ph type="pic" sz="quarter" idx="47" hasCustomPrompt="1"/>
          </p:nvPr>
        </p:nvSpPr>
        <p:spPr>
          <a:xfrm>
            <a:off x="264913" y="3416161"/>
            <a:ext cx="2700000" cy="28800"/>
          </a:xfrm>
          <a:solidFill>
            <a:schemeClr val="tx2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25" name="Picture Placeholder 24">
            <a:extLst>
              <a:ext uri="{FF2B5EF4-FFF2-40B4-BE49-F238E27FC236}">
                <a16:creationId xmlns:a16="http://schemas.microsoft.com/office/drawing/2014/main" id="{C64195CF-267F-41D7-B6B2-0AB7B5AC3077}"/>
              </a:ext>
            </a:extLst>
          </p:cNvPr>
          <p:cNvSpPr>
            <a:spLocks noGrp="1"/>
          </p:cNvSpPr>
          <p:nvPr>
            <p:ph type="pic" sz="quarter" idx="48" hasCustomPrompt="1"/>
          </p:nvPr>
        </p:nvSpPr>
        <p:spPr>
          <a:xfrm>
            <a:off x="3252767" y="3416161"/>
            <a:ext cx="2700000" cy="28800"/>
          </a:xfrm>
          <a:solidFill>
            <a:schemeClr val="tx2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29" name="Picture Placeholder 24">
            <a:extLst>
              <a:ext uri="{FF2B5EF4-FFF2-40B4-BE49-F238E27FC236}">
                <a16:creationId xmlns:a16="http://schemas.microsoft.com/office/drawing/2014/main" id="{6A6F9F34-D8F3-431A-AEF8-83B51A0E743A}"/>
              </a:ext>
            </a:extLst>
          </p:cNvPr>
          <p:cNvSpPr>
            <a:spLocks noGrp="1"/>
          </p:cNvSpPr>
          <p:nvPr>
            <p:ph type="pic" sz="quarter" idx="49" hasCustomPrompt="1"/>
          </p:nvPr>
        </p:nvSpPr>
        <p:spPr>
          <a:xfrm>
            <a:off x="6240621" y="3416161"/>
            <a:ext cx="2700000" cy="28800"/>
          </a:xfrm>
          <a:solidFill>
            <a:schemeClr val="tx2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40" name="Picture Placeholder 24">
            <a:extLst>
              <a:ext uri="{FF2B5EF4-FFF2-40B4-BE49-F238E27FC236}">
                <a16:creationId xmlns:a16="http://schemas.microsoft.com/office/drawing/2014/main" id="{02A1C442-43C5-493B-90AD-3182C4447FAB}"/>
              </a:ext>
            </a:extLst>
          </p:cNvPr>
          <p:cNvSpPr>
            <a:spLocks noGrp="1"/>
          </p:cNvSpPr>
          <p:nvPr>
            <p:ph type="pic" sz="quarter" idx="50" hasCustomPrompt="1"/>
          </p:nvPr>
        </p:nvSpPr>
        <p:spPr>
          <a:xfrm>
            <a:off x="9228475" y="3416161"/>
            <a:ext cx="2700000" cy="28800"/>
          </a:xfrm>
          <a:solidFill>
            <a:schemeClr val="tx2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24" name="Title 1">
            <a:extLst>
              <a:ext uri="{FF2B5EF4-FFF2-40B4-BE49-F238E27FC236}">
                <a16:creationId xmlns:a16="http://schemas.microsoft.com/office/drawing/2014/main" id="{9F5DB350-91E1-4DA9-BF69-38FC41505E6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84CD2498-8C02-4783-9BC4-21C0A5585CB2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222160533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(3) &amp; Content (6) &amp; Numbers (3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27" name="Text Placeholder 11">
            <a:extLst>
              <a:ext uri="{FF2B5EF4-FFF2-40B4-BE49-F238E27FC236}">
                <a16:creationId xmlns:a16="http://schemas.microsoft.com/office/drawing/2014/main" id="{EBB36A58-C548-4E9E-85C3-DEB5102C5138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1787157" y="4985012"/>
            <a:ext cx="1868031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accent4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</a:t>
            </a:r>
          </a:p>
        </p:txBody>
      </p:sp>
      <p:sp>
        <p:nvSpPr>
          <p:cNvPr id="28" name="Text Placeholder 11">
            <a:extLst>
              <a:ext uri="{FF2B5EF4-FFF2-40B4-BE49-F238E27FC236}">
                <a16:creationId xmlns:a16="http://schemas.microsoft.com/office/drawing/2014/main" id="{A8E13FBB-E82B-48DF-885F-E6FC647B2E9F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 bwMode="gray">
          <a:xfrm>
            <a:off x="1770501" y="1473599"/>
            <a:ext cx="1878632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</a:t>
            </a:r>
          </a:p>
        </p:txBody>
      </p:sp>
      <p:sp>
        <p:nvSpPr>
          <p:cNvPr id="29" name="Text Placeholder 11">
            <a:extLst>
              <a:ext uri="{FF2B5EF4-FFF2-40B4-BE49-F238E27FC236}">
                <a16:creationId xmlns:a16="http://schemas.microsoft.com/office/drawing/2014/main" id="{BEE4DB48-EE10-4614-9031-A00AE1B5E196}"/>
              </a:ext>
            </a:extLst>
          </p:cNvPr>
          <p:cNvSpPr>
            <a:spLocks noGrp="1"/>
          </p:cNvSpPr>
          <p:nvPr>
            <p:ph type="body" sz="quarter" idx="24"/>
          </p:nvPr>
        </p:nvSpPr>
        <p:spPr bwMode="gray">
          <a:xfrm>
            <a:off x="1770499" y="3240301"/>
            <a:ext cx="1878631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</a:t>
            </a:r>
          </a:p>
        </p:txBody>
      </p:sp>
      <p:sp>
        <p:nvSpPr>
          <p:cNvPr id="30" name="Content Placeholder 3">
            <a:extLst>
              <a:ext uri="{FF2B5EF4-FFF2-40B4-BE49-F238E27FC236}">
                <a16:creationId xmlns:a16="http://schemas.microsoft.com/office/drawing/2014/main" id="{65119589-6F57-4A69-9736-D33271CF00E2}"/>
              </a:ext>
            </a:extLst>
          </p:cNvPr>
          <p:cNvSpPr>
            <a:spLocks noGrp="1"/>
          </p:cNvSpPr>
          <p:nvPr>
            <p:ph sz="quarter" idx="26"/>
          </p:nvPr>
        </p:nvSpPr>
        <p:spPr bwMode="gray">
          <a:xfrm>
            <a:off x="1770502" y="1844826"/>
            <a:ext cx="1878630" cy="1008108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</a:t>
            </a:r>
          </a:p>
        </p:txBody>
      </p:sp>
      <p:sp>
        <p:nvSpPr>
          <p:cNvPr id="31" name="Content Placeholder 3">
            <a:extLst>
              <a:ext uri="{FF2B5EF4-FFF2-40B4-BE49-F238E27FC236}">
                <a16:creationId xmlns:a16="http://schemas.microsoft.com/office/drawing/2014/main" id="{628A1FB3-6503-43D5-9169-34BFEED09C8F}"/>
              </a:ext>
            </a:extLst>
          </p:cNvPr>
          <p:cNvSpPr>
            <a:spLocks noGrp="1"/>
          </p:cNvSpPr>
          <p:nvPr>
            <p:ph sz="quarter" idx="27"/>
          </p:nvPr>
        </p:nvSpPr>
        <p:spPr bwMode="gray">
          <a:xfrm>
            <a:off x="1770502" y="3600531"/>
            <a:ext cx="1878630" cy="982330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</a:t>
            </a:r>
          </a:p>
        </p:txBody>
      </p:sp>
      <p:sp>
        <p:nvSpPr>
          <p:cNvPr id="32" name="Content Placeholder 3">
            <a:extLst>
              <a:ext uri="{FF2B5EF4-FFF2-40B4-BE49-F238E27FC236}">
                <a16:creationId xmlns:a16="http://schemas.microsoft.com/office/drawing/2014/main" id="{1C5AA962-6BDD-4F47-9221-9D1520C30F36}"/>
              </a:ext>
            </a:extLst>
          </p:cNvPr>
          <p:cNvSpPr>
            <a:spLocks noGrp="1"/>
          </p:cNvSpPr>
          <p:nvPr>
            <p:ph sz="quarter" idx="28"/>
          </p:nvPr>
        </p:nvSpPr>
        <p:spPr bwMode="gray">
          <a:xfrm>
            <a:off x="1770502" y="5362908"/>
            <a:ext cx="1878630" cy="982330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 marL="0" indent="0">
              <a:lnSpc>
                <a:spcPct val="100000"/>
              </a:lnSpc>
              <a:spcBef>
                <a:spcPts val="600"/>
              </a:spcBef>
              <a:buNone/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</a:t>
            </a:r>
          </a:p>
        </p:txBody>
      </p:sp>
      <p:sp>
        <p:nvSpPr>
          <p:cNvPr id="48" name="Content Placeholder 3">
            <a:extLst>
              <a:ext uri="{FF2B5EF4-FFF2-40B4-BE49-F238E27FC236}">
                <a16:creationId xmlns:a16="http://schemas.microsoft.com/office/drawing/2014/main" id="{2F992E05-4AC2-4005-9AA5-948676B96ADD}"/>
              </a:ext>
            </a:extLst>
          </p:cNvPr>
          <p:cNvSpPr>
            <a:spLocks noGrp="1"/>
          </p:cNvSpPr>
          <p:nvPr>
            <p:ph sz="quarter" idx="29"/>
          </p:nvPr>
        </p:nvSpPr>
        <p:spPr bwMode="gray">
          <a:xfrm>
            <a:off x="3921690" y="1376172"/>
            <a:ext cx="8006785" cy="1476762"/>
          </a:xfrm>
        </p:spPr>
        <p:txBody>
          <a:bodyPr lIns="0" tIns="108000" rIns="0" bIns="0"/>
          <a:lstStyle>
            <a:lvl1pPr>
              <a:lnSpc>
                <a:spcPct val="100000"/>
              </a:lnSpc>
              <a:spcBef>
                <a:spcPts val="600"/>
              </a:spcBef>
              <a:defRPr sz="1200"/>
            </a:lvl1pPr>
            <a:lvl2pPr>
              <a:lnSpc>
                <a:spcPct val="100000"/>
              </a:lnSpc>
              <a:spcBef>
                <a:spcPts val="600"/>
              </a:spcBef>
              <a:defRPr sz="1200"/>
            </a:lvl2pPr>
            <a:lvl3pPr>
              <a:lnSpc>
                <a:spcPct val="100000"/>
              </a:lnSpc>
              <a:spcBef>
                <a:spcPts val="600"/>
              </a:spcBef>
              <a:defRPr sz="1200"/>
            </a:lvl3pPr>
            <a:lvl4pPr>
              <a:lnSpc>
                <a:spcPct val="100000"/>
              </a:lnSpc>
              <a:spcBef>
                <a:spcPts val="600"/>
              </a:spcBef>
              <a:defRPr sz="1200"/>
            </a:lvl4pPr>
            <a:lvl5pPr>
              <a:lnSpc>
                <a:spcPct val="100000"/>
              </a:lnSpc>
              <a:spcBef>
                <a:spcPts val="600"/>
              </a:spcBef>
              <a:defRPr sz="12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9" name="Content Placeholder 3">
            <a:extLst>
              <a:ext uri="{FF2B5EF4-FFF2-40B4-BE49-F238E27FC236}">
                <a16:creationId xmlns:a16="http://schemas.microsoft.com/office/drawing/2014/main" id="{C7D8B73D-DFFB-4564-9913-1F4A91652E6B}"/>
              </a:ext>
            </a:extLst>
          </p:cNvPr>
          <p:cNvSpPr>
            <a:spLocks noGrp="1"/>
          </p:cNvSpPr>
          <p:nvPr>
            <p:ph sz="quarter" idx="30"/>
          </p:nvPr>
        </p:nvSpPr>
        <p:spPr bwMode="gray">
          <a:xfrm>
            <a:off x="3921690" y="3125397"/>
            <a:ext cx="8006785" cy="1457464"/>
          </a:xfrm>
        </p:spPr>
        <p:txBody>
          <a:bodyPr lIns="0" tIns="108000" rIns="0" bIns="0"/>
          <a:lstStyle>
            <a:lvl1pPr>
              <a:lnSpc>
                <a:spcPct val="100000"/>
              </a:lnSpc>
              <a:spcBef>
                <a:spcPts val="600"/>
              </a:spcBef>
              <a:defRPr sz="1200"/>
            </a:lvl1pPr>
            <a:lvl2pPr>
              <a:lnSpc>
                <a:spcPct val="100000"/>
              </a:lnSpc>
              <a:spcBef>
                <a:spcPts val="600"/>
              </a:spcBef>
              <a:defRPr sz="1200"/>
            </a:lvl2pPr>
            <a:lvl3pPr>
              <a:lnSpc>
                <a:spcPct val="100000"/>
              </a:lnSpc>
              <a:spcBef>
                <a:spcPts val="600"/>
              </a:spcBef>
              <a:defRPr sz="1200"/>
            </a:lvl3pPr>
            <a:lvl4pPr>
              <a:lnSpc>
                <a:spcPct val="100000"/>
              </a:lnSpc>
              <a:spcBef>
                <a:spcPts val="600"/>
              </a:spcBef>
              <a:defRPr sz="1200"/>
            </a:lvl4pPr>
            <a:lvl5pPr>
              <a:lnSpc>
                <a:spcPct val="100000"/>
              </a:lnSpc>
              <a:spcBef>
                <a:spcPts val="600"/>
              </a:spcBef>
              <a:defRPr sz="12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0" name="Content Placeholder 3">
            <a:extLst>
              <a:ext uri="{FF2B5EF4-FFF2-40B4-BE49-F238E27FC236}">
                <a16:creationId xmlns:a16="http://schemas.microsoft.com/office/drawing/2014/main" id="{26FC5483-9CF4-4306-8EF5-D9A805A0E36F}"/>
              </a:ext>
            </a:extLst>
          </p:cNvPr>
          <p:cNvSpPr>
            <a:spLocks noGrp="1"/>
          </p:cNvSpPr>
          <p:nvPr>
            <p:ph sz="quarter" idx="31"/>
          </p:nvPr>
        </p:nvSpPr>
        <p:spPr bwMode="gray">
          <a:xfrm>
            <a:off x="3921690" y="4887774"/>
            <a:ext cx="8006785" cy="1457464"/>
          </a:xfrm>
        </p:spPr>
        <p:txBody>
          <a:bodyPr lIns="0" tIns="108000" rIns="0" bIns="0"/>
          <a:lstStyle>
            <a:lvl1pPr>
              <a:lnSpc>
                <a:spcPct val="100000"/>
              </a:lnSpc>
              <a:spcBef>
                <a:spcPts val="600"/>
              </a:spcBef>
              <a:defRPr sz="1200"/>
            </a:lvl1pPr>
            <a:lvl2pPr>
              <a:lnSpc>
                <a:spcPct val="100000"/>
              </a:lnSpc>
              <a:spcBef>
                <a:spcPts val="600"/>
              </a:spcBef>
              <a:defRPr sz="1200"/>
            </a:lvl2pPr>
            <a:lvl3pPr>
              <a:lnSpc>
                <a:spcPct val="100000"/>
              </a:lnSpc>
              <a:spcBef>
                <a:spcPts val="600"/>
              </a:spcBef>
              <a:defRPr sz="1200"/>
            </a:lvl3pPr>
            <a:lvl4pPr>
              <a:lnSpc>
                <a:spcPct val="100000"/>
              </a:lnSpc>
              <a:spcBef>
                <a:spcPts val="600"/>
              </a:spcBef>
              <a:defRPr sz="1200"/>
            </a:lvl4pPr>
            <a:lvl5pPr>
              <a:lnSpc>
                <a:spcPct val="100000"/>
              </a:lnSpc>
              <a:spcBef>
                <a:spcPts val="600"/>
              </a:spcBef>
              <a:defRPr sz="12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38" name="Content Placeholder 6">
            <a:extLst>
              <a:ext uri="{FF2B5EF4-FFF2-40B4-BE49-F238E27FC236}">
                <a16:creationId xmlns:a16="http://schemas.microsoft.com/office/drawing/2014/main" id="{DCC4896F-69DF-4D11-A491-DA33D9164972}"/>
              </a:ext>
            </a:extLst>
          </p:cNvPr>
          <p:cNvSpPr>
            <a:spLocks noGrp="1"/>
          </p:cNvSpPr>
          <p:nvPr>
            <p:ph sz="quarter" idx="43" hasCustomPrompt="1"/>
          </p:nvPr>
        </p:nvSpPr>
        <p:spPr>
          <a:xfrm>
            <a:off x="263526" y="1376363"/>
            <a:ext cx="1512000" cy="943200"/>
          </a:xfrm>
          <a:prstGeom prst="rect">
            <a:avLst/>
          </a:prstGeom>
          <a:noFill/>
        </p:spPr>
        <p:txBody>
          <a:bodyPr tIns="0" anchor="t" anchorCtr="0"/>
          <a:lstStyle>
            <a:lvl1pPr algn="l">
              <a:spcBef>
                <a:spcPts val="0"/>
              </a:spcBef>
              <a:defRPr sz="6600" b="1">
                <a:solidFill>
                  <a:schemeClr val="accent5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01.</a:t>
            </a:r>
          </a:p>
        </p:txBody>
      </p:sp>
      <p:sp>
        <p:nvSpPr>
          <p:cNvPr id="40" name="Content Placeholder 6">
            <a:extLst>
              <a:ext uri="{FF2B5EF4-FFF2-40B4-BE49-F238E27FC236}">
                <a16:creationId xmlns:a16="http://schemas.microsoft.com/office/drawing/2014/main" id="{5A29EB00-5838-45B7-BA3A-198B03500529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276908" y="3132069"/>
            <a:ext cx="1512000" cy="943200"/>
          </a:xfrm>
          <a:prstGeom prst="rect">
            <a:avLst/>
          </a:prstGeom>
          <a:noFill/>
        </p:spPr>
        <p:txBody>
          <a:bodyPr tIns="0" anchor="t" anchorCtr="0"/>
          <a:lstStyle>
            <a:lvl1pPr algn="l">
              <a:spcBef>
                <a:spcPts val="0"/>
              </a:spcBef>
              <a:defRPr sz="6600" b="1">
                <a:solidFill>
                  <a:schemeClr val="accent5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02.</a:t>
            </a:r>
          </a:p>
        </p:txBody>
      </p:sp>
      <p:sp>
        <p:nvSpPr>
          <p:cNvPr id="41" name="Content Placeholder 6">
            <a:extLst>
              <a:ext uri="{FF2B5EF4-FFF2-40B4-BE49-F238E27FC236}">
                <a16:creationId xmlns:a16="http://schemas.microsoft.com/office/drawing/2014/main" id="{FC50032A-194E-4086-A0FB-0D581FA9C5E7}"/>
              </a:ext>
            </a:extLst>
          </p:cNvPr>
          <p:cNvSpPr>
            <a:spLocks noGrp="1"/>
          </p:cNvSpPr>
          <p:nvPr>
            <p:ph sz="quarter" idx="45" hasCustomPrompt="1"/>
          </p:nvPr>
        </p:nvSpPr>
        <p:spPr>
          <a:xfrm>
            <a:off x="276908" y="4887774"/>
            <a:ext cx="1512000" cy="943200"/>
          </a:xfrm>
          <a:prstGeom prst="rect">
            <a:avLst/>
          </a:prstGeom>
          <a:noFill/>
        </p:spPr>
        <p:txBody>
          <a:bodyPr tIns="0" anchor="t" anchorCtr="0"/>
          <a:lstStyle>
            <a:lvl1pPr algn="l">
              <a:spcBef>
                <a:spcPts val="0"/>
              </a:spcBef>
              <a:defRPr sz="6600" b="1">
                <a:solidFill>
                  <a:schemeClr val="accent5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03.</a:t>
            </a:r>
          </a:p>
        </p:txBody>
      </p:sp>
      <p:sp>
        <p:nvSpPr>
          <p:cNvPr id="43" name="Picture Placeholder 24">
            <a:extLst>
              <a:ext uri="{FF2B5EF4-FFF2-40B4-BE49-F238E27FC236}">
                <a16:creationId xmlns:a16="http://schemas.microsoft.com/office/drawing/2014/main" id="{335E44AA-B43E-4F52-814F-98C557DA0881}"/>
              </a:ext>
            </a:extLst>
          </p:cNvPr>
          <p:cNvSpPr>
            <a:spLocks noGrp="1"/>
          </p:cNvSpPr>
          <p:nvPr>
            <p:ph type="pic" sz="quarter" idx="35" hasCustomPrompt="1"/>
          </p:nvPr>
        </p:nvSpPr>
        <p:spPr>
          <a:xfrm>
            <a:off x="1777133" y="1361963"/>
            <a:ext cx="1872000" cy="28800"/>
          </a:xfrm>
          <a:solidFill>
            <a:schemeClr val="tx2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44" name="Picture Placeholder 24">
            <a:extLst>
              <a:ext uri="{FF2B5EF4-FFF2-40B4-BE49-F238E27FC236}">
                <a16:creationId xmlns:a16="http://schemas.microsoft.com/office/drawing/2014/main" id="{F0C6338A-A71B-4CAC-AF5B-74478A59D15D}"/>
              </a:ext>
            </a:extLst>
          </p:cNvPr>
          <p:cNvSpPr>
            <a:spLocks noGrp="1"/>
          </p:cNvSpPr>
          <p:nvPr>
            <p:ph type="pic" sz="quarter" idx="36" hasCustomPrompt="1"/>
          </p:nvPr>
        </p:nvSpPr>
        <p:spPr>
          <a:xfrm>
            <a:off x="1777133" y="3128036"/>
            <a:ext cx="1872000" cy="28800"/>
          </a:xfrm>
          <a:solidFill>
            <a:schemeClr val="tx1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45" name="Picture Placeholder 24">
            <a:extLst>
              <a:ext uri="{FF2B5EF4-FFF2-40B4-BE49-F238E27FC236}">
                <a16:creationId xmlns:a16="http://schemas.microsoft.com/office/drawing/2014/main" id="{2C43BC57-4FA2-4A87-9028-F10631A3AE13}"/>
              </a:ext>
            </a:extLst>
          </p:cNvPr>
          <p:cNvSpPr>
            <a:spLocks noGrp="1"/>
          </p:cNvSpPr>
          <p:nvPr>
            <p:ph type="pic" sz="quarter" idx="37" hasCustomPrompt="1"/>
          </p:nvPr>
        </p:nvSpPr>
        <p:spPr>
          <a:xfrm>
            <a:off x="1777133" y="4873374"/>
            <a:ext cx="1872000" cy="28800"/>
          </a:xfrm>
          <a:solidFill>
            <a:schemeClr val="accent4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22" name="Title 1">
            <a:extLst>
              <a:ext uri="{FF2B5EF4-FFF2-40B4-BE49-F238E27FC236}">
                <a16:creationId xmlns:a16="http://schemas.microsoft.com/office/drawing/2014/main" id="{69A314F6-1FEB-4F11-806C-E3D4AD539CE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03E06BB2-0B17-4D61-8854-91B28E71D3A9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1128360634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(3) &amp; Content (3) &amp; Numbers (3) &amp; Bo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02" name="Text Placeholder 11">
            <a:extLst>
              <a:ext uri="{FF2B5EF4-FFF2-40B4-BE49-F238E27FC236}">
                <a16:creationId xmlns:a16="http://schemas.microsoft.com/office/drawing/2014/main" id="{3A565005-F6E5-4BD3-9F5B-6AF58E8DE816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 bwMode="gray">
          <a:xfrm>
            <a:off x="1770501" y="1473599"/>
            <a:ext cx="1878632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</a:t>
            </a:r>
          </a:p>
        </p:txBody>
      </p:sp>
      <p:sp>
        <p:nvSpPr>
          <p:cNvPr id="111" name="Text Placeholder 11">
            <a:extLst>
              <a:ext uri="{FF2B5EF4-FFF2-40B4-BE49-F238E27FC236}">
                <a16:creationId xmlns:a16="http://schemas.microsoft.com/office/drawing/2014/main" id="{E6444A91-ACC7-4CF8-9946-617E2C1A7C33}"/>
              </a:ext>
            </a:extLst>
          </p:cNvPr>
          <p:cNvSpPr>
            <a:spLocks noGrp="1"/>
          </p:cNvSpPr>
          <p:nvPr>
            <p:ph type="body" sz="quarter" idx="24"/>
          </p:nvPr>
        </p:nvSpPr>
        <p:spPr bwMode="gray">
          <a:xfrm>
            <a:off x="1777130" y="2972161"/>
            <a:ext cx="1872000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</a:t>
            </a:r>
          </a:p>
        </p:txBody>
      </p:sp>
      <p:sp>
        <p:nvSpPr>
          <p:cNvPr id="114" name="Text Placeholder 11">
            <a:extLst>
              <a:ext uri="{FF2B5EF4-FFF2-40B4-BE49-F238E27FC236}">
                <a16:creationId xmlns:a16="http://schemas.microsoft.com/office/drawing/2014/main" id="{F9466146-4718-4169-BEFC-27BB664EE8E7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1775520" y="4400322"/>
            <a:ext cx="1872000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accent4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</a:t>
            </a:r>
          </a:p>
        </p:txBody>
      </p:sp>
      <p:sp>
        <p:nvSpPr>
          <p:cNvPr id="117" name="Content Placeholder 3">
            <a:extLst>
              <a:ext uri="{FF2B5EF4-FFF2-40B4-BE49-F238E27FC236}">
                <a16:creationId xmlns:a16="http://schemas.microsoft.com/office/drawing/2014/main" id="{D0BB9BD1-AFA8-4777-BD7E-03C05346F0B8}"/>
              </a:ext>
            </a:extLst>
          </p:cNvPr>
          <p:cNvSpPr>
            <a:spLocks noGrp="1"/>
          </p:cNvSpPr>
          <p:nvPr>
            <p:ph sz="quarter" idx="38"/>
          </p:nvPr>
        </p:nvSpPr>
        <p:spPr bwMode="gray">
          <a:xfrm>
            <a:off x="3921690" y="1376363"/>
            <a:ext cx="8006785" cy="1294301"/>
          </a:xfrm>
        </p:spPr>
        <p:txBody>
          <a:bodyPr lIns="0" tIns="108000" rIns="0" bIns="0"/>
          <a:lstStyle>
            <a:lvl1pPr>
              <a:lnSpc>
                <a:spcPct val="100000"/>
              </a:lnSpc>
              <a:spcBef>
                <a:spcPts val="600"/>
              </a:spcBef>
              <a:defRPr sz="1200"/>
            </a:lvl1pPr>
            <a:lvl2pPr>
              <a:lnSpc>
                <a:spcPct val="100000"/>
              </a:lnSpc>
              <a:spcBef>
                <a:spcPts val="600"/>
              </a:spcBef>
              <a:defRPr sz="1200"/>
            </a:lvl2pPr>
            <a:lvl3pPr>
              <a:lnSpc>
                <a:spcPct val="100000"/>
              </a:lnSpc>
              <a:spcBef>
                <a:spcPts val="600"/>
              </a:spcBef>
              <a:defRPr sz="1200"/>
            </a:lvl3pPr>
            <a:lvl4pPr>
              <a:lnSpc>
                <a:spcPct val="100000"/>
              </a:lnSpc>
              <a:spcBef>
                <a:spcPts val="600"/>
              </a:spcBef>
              <a:defRPr sz="1200"/>
            </a:lvl4pPr>
            <a:lvl5pPr>
              <a:lnSpc>
                <a:spcPct val="100000"/>
              </a:lnSpc>
              <a:spcBef>
                <a:spcPts val="600"/>
              </a:spcBef>
              <a:defRPr sz="12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18" name="Content Placeholder 3">
            <a:extLst>
              <a:ext uri="{FF2B5EF4-FFF2-40B4-BE49-F238E27FC236}">
                <a16:creationId xmlns:a16="http://schemas.microsoft.com/office/drawing/2014/main" id="{2F46FA40-89ED-483D-B576-C0B7126B3D16}"/>
              </a:ext>
            </a:extLst>
          </p:cNvPr>
          <p:cNvSpPr>
            <a:spLocks noGrp="1"/>
          </p:cNvSpPr>
          <p:nvPr>
            <p:ph sz="quarter" idx="39"/>
          </p:nvPr>
        </p:nvSpPr>
        <p:spPr bwMode="gray">
          <a:xfrm>
            <a:off x="3921690" y="2863928"/>
            <a:ext cx="8006785" cy="1294301"/>
          </a:xfrm>
        </p:spPr>
        <p:txBody>
          <a:bodyPr lIns="0" tIns="108000" rIns="0" bIns="0"/>
          <a:lstStyle>
            <a:lvl1pPr>
              <a:lnSpc>
                <a:spcPct val="100000"/>
              </a:lnSpc>
              <a:spcBef>
                <a:spcPts val="600"/>
              </a:spcBef>
              <a:defRPr sz="1200"/>
            </a:lvl1pPr>
            <a:lvl2pPr>
              <a:lnSpc>
                <a:spcPct val="100000"/>
              </a:lnSpc>
              <a:spcBef>
                <a:spcPts val="600"/>
              </a:spcBef>
              <a:defRPr sz="1200"/>
            </a:lvl2pPr>
            <a:lvl3pPr>
              <a:lnSpc>
                <a:spcPct val="100000"/>
              </a:lnSpc>
              <a:spcBef>
                <a:spcPts val="600"/>
              </a:spcBef>
              <a:defRPr sz="1200"/>
            </a:lvl3pPr>
            <a:lvl4pPr>
              <a:lnSpc>
                <a:spcPct val="100000"/>
              </a:lnSpc>
              <a:spcBef>
                <a:spcPts val="600"/>
              </a:spcBef>
              <a:defRPr sz="1200"/>
            </a:lvl4pPr>
            <a:lvl5pPr>
              <a:lnSpc>
                <a:spcPct val="100000"/>
              </a:lnSpc>
              <a:spcBef>
                <a:spcPts val="600"/>
              </a:spcBef>
              <a:defRPr sz="12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19" name="Content Placeholder 3">
            <a:extLst>
              <a:ext uri="{FF2B5EF4-FFF2-40B4-BE49-F238E27FC236}">
                <a16:creationId xmlns:a16="http://schemas.microsoft.com/office/drawing/2014/main" id="{D940D62B-2E1F-4339-B9F3-000831E52417}"/>
              </a:ext>
            </a:extLst>
          </p:cNvPr>
          <p:cNvSpPr>
            <a:spLocks noGrp="1"/>
          </p:cNvSpPr>
          <p:nvPr>
            <p:ph sz="quarter" idx="40"/>
          </p:nvPr>
        </p:nvSpPr>
        <p:spPr bwMode="gray">
          <a:xfrm>
            <a:off x="3921690" y="4303084"/>
            <a:ext cx="8006785" cy="1294301"/>
          </a:xfrm>
        </p:spPr>
        <p:txBody>
          <a:bodyPr lIns="0" tIns="108000" rIns="0" bIns="0"/>
          <a:lstStyle>
            <a:lvl1pPr>
              <a:lnSpc>
                <a:spcPct val="100000"/>
              </a:lnSpc>
              <a:spcBef>
                <a:spcPts val="600"/>
              </a:spcBef>
              <a:defRPr sz="1200"/>
            </a:lvl1pPr>
            <a:lvl2pPr>
              <a:lnSpc>
                <a:spcPct val="100000"/>
              </a:lnSpc>
              <a:spcBef>
                <a:spcPts val="600"/>
              </a:spcBef>
              <a:defRPr sz="1200"/>
            </a:lvl2pPr>
            <a:lvl3pPr>
              <a:lnSpc>
                <a:spcPct val="100000"/>
              </a:lnSpc>
              <a:spcBef>
                <a:spcPts val="600"/>
              </a:spcBef>
              <a:defRPr sz="1200"/>
            </a:lvl3pPr>
            <a:lvl4pPr>
              <a:lnSpc>
                <a:spcPct val="100000"/>
              </a:lnSpc>
              <a:spcBef>
                <a:spcPts val="600"/>
              </a:spcBef>
              <a:defRPr sz="1200"/>
            </a:lvl4pPr>
            <a:lvl5pPr>
              <a:lnSpc>
                <a:spcPct val="100000"/>
              </a:lnSpc>
              <a:spcBef>
                <a:spcPts val="600"/>
              </a:spcBef>
              <a:defRPr sz="12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23" name="Content Placeholder 6">
            <a:extLst>
              <a:ext uri="{FF2B5EF4-FFF2-40B4-BE49-F238E27FC236}">
                <a16:creationId xmlns:a16="http://schemas.microsoft.com/office/drawing/2014/main" id="{00B1F805-6796-4988-BDAC-995B3E05D34F}"/>
              </a:ext>
            </a:extLst>
          </p:cNvPr>
          <p:cNvSpPr>
            <a:spLocks noGrp="1"/>
          </p:cNvSpPr>
          <p:nvPr>
            <p:ph sz="quarter" idx="43" hasCustomPrompt="1"/>
          </p:nvPr>
        </p:nvSpPr>
        <p:spPr>
          <a:xfrm>
            <a:off x="263526" y="1376363"/>
            <a:ext cx="1512000" cy="943200"/>
          </a:xfrm>
          <a:prstGeom prst="rect">
            <a:avLst/>
          </a:prstGeom>
          <a:noFill/>
        </p:spPr>
        <p:txBody>
          <a:bodyPr tIns="0" anchor="t" anchorCtr="0"/>
          <a:lstStyle>
            <a:lvl1pPr algn="l">
              <a:spcBef>
                <a:spcPts val="0"/>
              </a:spcBef>
              <a:defRPr sz="6600" b="1">
                <a:solidFill>
                  <a:schemeClr val="accent5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01.</a:t>
            </a:r>
          </a:p>
        </p:txBody>
      </p:sp>
      <p:sp>
        <p:nvSpPr>
          <p:cNvPr id="24" name="Content Placeholder 6">
            <a:extLst>
              <a:ext uri="{FF2B5EF4-FFF2-40B4-BE49-F238E27FC236}">
                <a16:creationId xmlns:a16="http://schemas.microsoft.com/office/drawing/2014/main" id="{8D88CFA7-09AB-4767-BF53-0124083462AB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276908" y="2863928"/>
            <a:ext cx="1512000" cy="943200"/>
          </a:xfrm>
          <a:prstGeom prst="rect">
            <a:avLst/>
          </a:prstGeom>
          <a:noFill/>
        </p:spPr>
        <p:txBody>
          <a:bodyPr tIns="0" anchor="t" anchorCtr="0"/>
          <a:lstStyle>
            <a:lvl1pPr algn="l">
              <a:spcBef>
                <a:spcPts val="0"/>
              </a:spcBef>
              <a:defRPr sz="6600" b="1">
                <a:solidFill>
                  <a:schemeClr val="accent5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02.</a:t>
            </a:r>
          </a:p>
        </p:txBody>
      </p:sp>
      <p:sp>
        <p:nvSpPr>
          <p:cNvPr id="25" name="Content Placeholder 6">
            <a:extLst>
              <a:ext uri="{FF2B5EF4-FFF2-40B4-BE49-F238E27FC236}">
                <a16:creationId xmlns:a16="http://schemas.microsoft.com/office/drawing/2014/main" id="{019348E2-113B-47F8-A86B-A5A55F501F79}"/>
              </a:ext>
            </a:extLst>
          </p:cNvPr>
          <p:cNvSpPr>
            <a:spLocks noGrp="1"/>
          </p:cNvSpPr>
          <p:nvPr>
            <p:ph sz="quarter" idx="45" hasCustomPrompt="1"/>
          </p:nvPr>
        </p:nvSpPr>
        <p:spPr>
          <a:xfrm>
            <a:off x="276908" y="4303084"/>
            <a:ext cx="1512000" cy="943200"/>
          </a:xfrm>
          <a:prstGeom prst="rect">
            <a:avLst/>
          </a:prstGeom>
          <a:noFill/>
        </p:spPr>
        <p:txBody>
          <a:bodyPr tIns="0" anchor="t" anchorCtr="0"/>
          <a:lstStyle>
            <a:lvl1pPr algn="l">
              <a:spcBef>
                <a:spcPts val="0"/>
              </a:spcBef>
              <a:defRPr sz="6600" b="1">
                <a:solidFill>
                  <a:schemeClr val="accent5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03.</a:t>
            </a:r>
          </a:p>
        </p:txBody>
      </p:sp>
      <p:sp>
        <p:nvSpPr>
          <p:cNvPr id="26" name="Text Placeholder 7">
            <a:extLst>
              <a:ext uri="{FF2B5EF4-FFF2-40B4-BE49-F238E27FC236}">
                <a16:creationId xmlns:a16="http://schemas.microsoft.com/office/drawing/2014/main" id="{DD44EDD3-36EC-41BB-85BC-E402BF438967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 bwMode="gray">
          <a:xfrm>
            <a:off x="0" y="5805264"/>
            <a:ext cx="12192000" cy="539974"/>
          </a:xfrm>
          <a:solidFill>
            <a:schemeClr val="accent6"/>
          </a:solidFill>
        </p:spPr>
        <p:txBody>
          <a:bodyPr lIns="252000" tIns="0" rIns="25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6pPr>
            <a:lvl7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7pPr>
            <a:lvl8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8pPr>
            <a:lvl9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7" name="Picture Placeholder 24">
            <a:extLst>
              <a:ext uri="{FF2B5EF4-FFF2-40B4-BE49-F238E27FC236}">
                <a16:creationId xmlns:a16="http://schemas.microsoft.com/office/drawing/2014/main" id="{432CA99F-AD39-4BEA-9808-5AF5E8DCD97E}"/>
              </a:ext>
            </a:extLst>
          </p:cNvPr>
          <p:cNvSpPr>
            <a:spLocks noGrp="1"/>
          </p:cNvSpPr>
          <p:nvPr>
            <p:ph type="pic" sz="quarter" idx="35" hasCustomPrompt="1"/>
          </p:nvPr>
        </p:nvSpPr>
        <p:spPr>
          <a:xfrm>
            <a:off x="1777133" y="1361963"/>
            <a:ext cx="1872000" cy="28800"/>
          </a:xfrm>
          <a:solidFill>
            <a:schemeClr val="tx2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28" name="Picture Placeholder 24">
            <a:extLst>
              <a:ext uri="{FF2B5EF4-FFF2-40B4-BE49-F238E27FC236}">
                <a16:creationId xmlns:a16="http://schemas.microsoft.com/office/drawing/2014/main" id="{48BB02C5-247F-42F1-96D2-25DBA425D172}"/>
              </a:ext>
            </a:extLst>
          </p:cNvPr>
          <p:cNvSpPr>
            <a:spLocks noGrp="1"/>
          </p:cNvSpPr>
          <p:nvPr>
            <p:ph type="pic" sz="quarter" idx="36" hasCustomPrompt="1"/>
          </p:nvPr>
        </p:nvSpPr>
        <p:spPr>
          <a:xfrm>
            <a:off x="1777133" y="2849528"/>
            <a:ext cx="1872000" cy="28800"/>
          </a:xfrm>
          <a:solidFill>
            <a:schemeClr val="tx1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29" name="Picture Placeholder 24">
            <a:extLst>
              <a:ext uri="{FF2B5EF4-FFF2-40B4-BE49-F238E27FC236}">
                <a16:creationId xmlns:a16="http://schemas.microsoft.com/office/drawing/2014/main" id="{835005D8-4397-48A4-8DEE-0653C485F523}"/>
              </a:ext>
            </a:extLst>
          </p:cNvPr>
          <p:cNvSpPr>
            <a:spLocks noGrp="1"/>
          </p:cNvSpPr>
          <p:nvPr>
            <p:ph type="pic" sz="quarter" idx="37" hasCustomPrompt="1"/>
          </p:nvPr>
        </p:nvSpPr>
        <p:spPr>
          <a:xfrm>
            <a:off x="1777133" y="4290642"/>
            <a:ext cx="1872000" cy="28800"/>
          </a:xfrm>
          <a:solidFill>
            <a:schemeClr val="accent4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20" name="Title 1">
            <a:extLst>
              <a:ext uri="{FF2B5EF4-FFF2-40B4-BE49-F238E27FC236}">
                <a16:creationId xmlns:a16="http://schemas.microsoft.com/office/drawing/2014/main" id="{FBC9DADF-2DD6-49C8-B226-2EAE5C8E7ED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18" name="Content Placeholder 3">
            <a:extLst>
              <a:ext uri="{FF2B5EF4-FFF2-40B4-BE49-F238E27FC236}">
                <a16:creationId xmlns:a16="http://schemas.microsoft.com/office/drawing/2014/main" id="{77463CE8-CEC7-491B-AEE7-C626E86D052E}"/>
              </a:ext>
            </a:extLst>
          </p:cNvPr>
          <p:cNvSpPr>
            <a:spLocks noGrp="1"/>
          </p:cNvSpPr>
          <p:nvPr>
            <p:ph sz="quarter" idx="26"/>
          </p:nvPr>
        </p:nvSpPr>
        <p:spPr bwMode="gray">
          <a:xfrm>
            <a:off x="1770502" y="1844826"/>
            <a:ext cx="1878630" cy="825838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</a:t>
            </a:r>
          </a:p>
        </p:txBody>
      </p:sp>
      <p:sp>
        <p:nvSpPr>
          <p:cNvPr id="19" name="Content Placeholder 3">
            <a:extLst>
              <a:ext uri="{FF2B5EF4-FFF2-40B4-BE49-F238E27FC236}">
                <a16:creationId xmlns:a16="http://schemas.microsoft.com/office/drawing/2014/main" id="{5E70668A-DC62-457E-BA02-26C28D66D891}"/>
              </a:ext>
            </a:extLst>
          </p:cNvPr>
          <p:cNvSpPr>
            <a:spLocks noGrp="1"/>
          </p:cNvSpPr>
          <p:nvPr>
            <p:ph sz="quarter" idx="27"/>
          </p:nvPr>
        </p:nvSpPr>
        <p:spPr bwMode="gray">
          <a:xfrm>
            <a:off x="1770502" y="3341643"/>
            <a:ext cx="1878630" cy="814843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</a:t>
            </a:r>
          </a:p>
        </p:txBody>
      </p:sp>
      <p:sp>
        <p:nvSpPr>
          <p:cNvPr id="21" name="Content Placeholder 3">
            <a:extLst>
              <a:ext uri="{FF2B5EF4-FFF2-40B4-BE49-F238E27FC236}">
                <a16:creationId xmlns:a16="http://schemas.microsoft.com/office/drawing/2014/main" id="{203BC8E2-0A65-4017-BFCD-76D59EB45FE8}"/>
              </a:ext>
            </a:extLst>
          </p:cNvPr>
          <p:cNvSpPr>
            <a:spLocks noGrp="1"/>
          </p:cNvSpPr>
          <p:nvPr>
            <p:ph sz="quarter" idx="28"/>
          </p:nvPr>
        </p:nvSpPr>
        <p:spPr bwMode="gray">
          <a:xfrm>
            <a:off x="1770502" y="4767561"/>
            <a:ext cx="1878630" cy="827341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 marL="0" indent="0">
              <a:lnSpc>
                <a:spcPct val="100000"/>
              </a:lnSpc>
              <a:spcBef>
                <a:spcPts val="600"/>
              </a:spcBef>
              <a:buNone/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</a:t>
            </a:r>
          </a:p>
        </p:txBody>
      </p:sp>
      <p:sp>
        <p:nvSpPr>
          <p:cNvPr id="30" name="TextBox 29">
            <a:extLst>
              <a:ext uri="{FF2B5EF4-FFF2-40B4-BE49-F238E27FC236}">
                <a16:creationId xmlns:a16="http://schemas.microsoft.com/office/drawing/2014/main" id="{C658819D-4785-4A7D-89CC-5723A1AC2FA8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681577174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(4.1) &amp; Content (4.1) &amp; Numbers (4.1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28" name="Text Placeholder 11">
            <a:extLst>
              <a:ext uri="{FF2B5EF4-FFF2-40B4-BE49-F238E27FC236}">
                <a16:creationId xmlns:a16="http://schemas.microsoft.com/office/drawing/2014/main" id="{BF68FEBD-BEFC-4726-874B-6289F0616A06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 bwMode="gray">
          <a:xfrm>
            <a:off x="1770501" y="1473599"/>
            <a:ext cx="1878632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</a:t>
            </a:r>
          </a:p>
        </p:txBody>
      </p:sp>
      <p:sp>
        <p:nvSpPr>
          <p:cNvPr id="32" name="Text Placeholder 11">
            <a:extLst>
              <a:ext uri="{FF2B5EF4-FFF2-40B4-BE49-F238E27FC236}">
                <a16:creationId xmlns:a16="http://schemas.microsoft.com/office/drawing/2014/main" id="{092CBB90-B3D5-45EB-A5C7-4055E1FF503F}"/>
              </a:ext>
            </a:extLst>
          </p:cNvPr>
          <p:cNvSpPr>
            <a:spLocks noGrp="1"/>
          </p:cNvSpPr>
          <p:nvPr>
            <p:ph type="body" sz="quarter" idx="39"/>
          </p:nvPr>
        </p:nvSpPr>
        <p:spPr bwMode="gray">
          <a:xfrm>
            <a:off x="1770501" y="2805379"/>
            <a:ext cx="1878632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</a:t>
            </a:r>
          </a:p>
        </p:txBody>
      </p:sp>
      <p:sp>
        <p:nvSpPr>
          <p:cNvPr id="34" name="Text Placeholder 11">
            <a:extLst>
              <a:ext uri="{FF2B5EF4-FFF2-40B4-BE49-F238E27FC236}">
                <a16:creationId xmlns:a16="http://schemas.microsoft.com/office/drawing/2014/main" id="{728B220A-6603-4016-8181-30353C6AE4C9}"/>
              </a:ext>
            </a:extLst>
          </p:cNvPr>
          <p:cNvSpPr>
            <a:spLocks noGrp="1"/>
          </p:cNvSpPr>
          <p:nvPr>
            <p:ph type="body" sz="quarter" idx="40"/>
          </p:nvPr>
        </p:nvSpPr>
        <p:spPr bwMode="gray">
          <a:xfrm>
            <a:off x="1770501" y="4122968"/>
            <a:ext cx="1878632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</a:t>
            </a:r>
          </a:p>
        </p:txBody>
      </p:sp>
      <p:sp>
        <p:nvSpPr>
          <p:cNvPr id="42" name="Text Placeholder 11">
            <a:extLst>
              <a:ext uri="{FF2B5EF4-FFF2-40B4-BE49-F238E27FC236}">
                <a16:creationId xmlns:a16="http://schemas.microsoft.com/office/drawing/2014/main" id="{E30EC2DD-1F4A-4356-9646-C28E53D7970A}"/>
              </a:ext>
            </a:extLst>
          </p:cNvPr>
          <p:cNvSpPr>
            <a:spLocks noGrp="1"/>
          </p:cNvSpPr>
          <p:nvPr>
            <p:ph type="body" sz="quarter" idx="41"/>
          </p:nvPr>
        </p:nvSpPr>
        <p:spPr bwMode="gray">
          <a:xfrm>
            <a:off x="1770501" y="5443614"/>
            <a:ext cx="1878632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</a:t>
            </a:r>
          </a:p>
        </p:txBody>
      </p:sp>
      <p:sp>
        <p:nvSpPr>
          <p:cNvPr id="49" name="Content Placeholder 3">
            <a:extLst>
              <a:ext uri="{FF2B5EF4-FFF2-40B4-BE49-F238E27FC236}">
                <a16:creationId xmlns:a16="http://schemas.microsoft.com/office/drawing/2014/main" id="{CFBBB2FF-A24B-4F09-BA72-DC718D4331B3}"/>
              </a:ext>
            </a:extLst>
          </p:cNvPr>
          <p:cNvSpPr>
            <a:spLocks noGrp="1"/>
          </p:cNvSpPr>
          <p:nvPr>
            <p:ph sz="quarter" idx="38"/>
          </p:nvPr>
        </p:nvSpPr>
        <p:spPr bwMode="gray">
          <a:xfrm>
            <a:off x="3921690" y="2705088"/>
            <a:ext cx="8006785" cy="1002838"/>
          </a:xfrm>
        </p:spPr>
        <p:txBody>
          <a:bodyPr lIns="0" tIns="108000" rIns="0" bIns="0"/>
          <a:lstStyle>
            <a:lvl1pPr>
              <a:lnSpc>
                <a:spcPct val="100000"/>
              </a:lnSpc>
              <a:spcBef>
                <a:spcPts val="600"/>
              </a:spcBef>
              <a:defRPr sz="1200"/>
            </a:lvl1pPr>
            <a:lvl2pPr>
              <a:lnSpc>
                <a:spcPct val="100000"/>
              </a:lnSpc>
              <a:spcBef>
                <a:spcPts val="600"/>
              </a:spcBef>
              <a:defRPr sz="1200"/>
            </a:lvl2pPr>
            <a:lvl3pPr>
              <a:lnSpc>
                <a:spcPct val="100000"/>
              </a:lnSpc>
              <a:spcBef>
                <a:spcPts val="600"/>
              </a:spcBef>
              <a:defRPr sz="1200"/>
            </a:lvl3pPr>
            <a:lvl4pPr>
              <a:lnSpc>
                <a:spcPct val="100000"/>
              </a:lnSpc>
              <a:spcBef>
                <a:spcPts val="600"/>
              </a:spcBef>
              <a:defRPr sz="1200"/>
            </a:lvl4pPr>
            <a:lvl5pPr>
              <a:lnSpc>
                <a:spcPct val="100000"/>
              </a:lnSpc>
              <a:spcBef>
                <a:spcPts val="600"/>
              </a:spcBef>
              <a:defRPr sz="12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50" name="Content Placeholder 3">
            <a:extLst>
              <a:ext uri="{FF2B5EF4-FFF2-40B4-BE49-F238E27FC236}">
                <a16:creationId xmlns:a16="http://schemas.microsoft.com/office/drawing/2014/main" id="{CB993417-83D5-41F8-BAF9-2986F007C1C6}"/>
              </a:ext>
            </a:extLst>
          </p:cNvPr>
          <p:cNvSpPr>
            <a:spLocks noGrp="1"/>
          </p:cNvSpPr>
          <p:nvPr>
            <p:ph sz="quarter" idx="45"/>
          </p:nvPr>
        </p:nvSpPr>
        <p:spPr bwMode="gray">
          <a:xfrm>
            <a:off x="3921690" y="1376363"/>
            <a:ext cx="8006785" cy="1002838"/>
          </a:xfrm>
        </p:spPr>
        <p:txBody>
          <a:bodyPr lIns="0" tIns="108000" rIns="0" bIns="0"/>
          <a:lstStyle>
            <a:lvl1pPr>
              <a:lnSpc>
                <a:spcPct val="100000"/>
              </a:lnSpc>
              <a:spcBef>
                <a:spcPts val="600"/>
              </a:spcBef>
              <a:defRPr sz="1200"/>
            </a:lvl1pPr>
            <a:lvl2pPr>
              <a:lnSpc>
                <a:spcPct val="100000"/>
              </a:lnSpc>
              <a:spcBef>
                <a:spcPts val="600"/>
              </a:spcBef>
              <a:defRPr sz="1200"/>
            </a:lvl2pPr>
            <a:lvl3pPr>
              <a:lnSpc>
                <a:spcPct val="100000"/>
              </a:lnSpc>
              <a:spcBef>
                <a:spcPts val="600"/>
              </a:spcBef>
              <a:defRPr sz="1200"/>
            </a:lvl3pPr>
            <a:lvl4pPr>
              <a:lnSpc>
                <a:spcPct val="100000"/>
              </a:lnSpc>
              <a:spcBef>
                <a:spcPts val="600"/>
              </a:spcBef>
              <a:defRPr sz="1200"/>
            </a:lvl4pPr>
            <a:lvl5pPr>
              <a:lnSpc>
                <a:spcPct val="100000"/>
              </a:lnSpc>
              <a:spcBef>
                <a:spcPts val="600"/>
              </a:spcBef>
              <a:defRPr sz="12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51" name="Content Placeholder 3">
            <a:extLst>
              <a:ext uri="{FF2B5EF4-FFF2-40B4-BE49-F238E27FC236}">
                <a16:creationId xmlns:a16="http://schemas.microsoft.com/office/drawing/2014/main" id="{8152D743-82D2-45BC-9D72-C38ED8D00974}"/>
              </a:ext>
            </a:extLst>
          </p:cNvPr>
          <p:cNvSpPr>
            <a:spLocks noGrp="1"/>
          </p:cNvSpPr>
          <p:nvPr>
            <p:ph sz="quarter" idx="46"/>
          </p:nvPr>
        </p:nvSpPr>
        <p:spPr bwMode="gray">
          <a:xfrm>
            <a:off x="3921690" y="4025732"/>
            <a:ext cx="8006785" cy="1002838"/>
          </a:xfrm>
        </p:spPr>
        <p:txBody>
          <a:bodyPr lIns="0" tIns="108000" rIns="0" bIns="0"/>
          <a:lstStyle>
            <a:lvl1pPr>
              <a:lnSpc>
                <a:spcPct val="100000"/>
              </a:lnSpc>
              <a:spcBef>
                <a:spcPts val="600"/>
              </a:spcBef>
              <a:defRPr sz="1200"/>
            </a:lvl1pPr>
            <a:lvl2pPr>
              <a:lnSpc>
                <a:spcPct val="100000"/>
              </a:lnSpc>
              <a:spcBef>
                <a:spcPts val="600"/>
              </a:spcBef>
              <a:defRPr sz="1200"/>
            </a:lvl2pPr>
            <a:lvl3pPr>
              <a:lnSpc>
                <a:spcPct val="100000"/>
              </a:lnSpc>
              <a:spcBef>
                <a:spcPts val="600"/>
              </a:spcBef>
              <a:defRPr sz="1200"/>
            </a:lvl3pPr>
            <a:lvl4pPr>
              <a:lnSpc>
                <a:spcPct val="100000"/>
              </a:lnSpc>
              <a:spcBef>
                <a:spcPts val="600"/>
              </a:spcBef>
              <a:defRPr sz="1200"/>
            </a:lvl4pPr>
            <a:lvl5pPr>
              <a:lnSpc>
                <a:spcPct val="100000"/>
              </a:lnSpc>
              <a:spcBef>
                <a:spcPts val="600"/>
              </a:spcBef>
              <a:defRPr sz="12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52" name="Content Placeholder 3">
            <a:extLst>
              <a:ext uri="{FF2B5EF4-FFF2-40B4-BE49-F238E27FC236}">
                <a16:creationId xmlns:a16="http://schemas.microsoft.com/office/drawing/2014/main" id="{9C85D89A-0FCA-434E-8A47-ABFF684F433A}"/>
              </a:ext>
            </a:extLst>
          </p:cNvPr>
          <p:cNvSpPr>
            <a:spLocks noGrp="1"/>
          </p:cNvSpPr>
          <p:nvPr>
            <p:ph sz="quarter" idx="47"/>
          </p:nvPr>
        </p:nvSpPr>
        <p:spPr bwMode="gray">
          <a:xfrm>
            <a:off x="3921690" y="5346378"/>
            <a:ext cx="8006785" cy="1002838"/>
          </a:xfrm>
        </p:spPr>
        <p:txBody>
          <a:bodyPr lIns="0" tIns="108000" rIns="0" bIns="0"/>
          <a:lstStyle>
            <a:lvl1pPr>
              <a:lnSpc>
                <a:spcPct val="100000"/>
              </a:lnSpc>
              <a:spcBef>
                <a:spcPts val="600"/>
              </a:spcBef>
              <a:defRPr sz="1200"/>
            </a:lvl1pPr>
            <a:lvl2pPr>
              <a:lnSpc>
                <a:spcPct val="100000"/>
              </a:lnSpc>
              <a:spcBef>
                <a:spcPts val="600"/>
              </a:spcBef>
              <a:defRPr sz="1200"/>
            </a:lvl2pPr>
            <a:lvl3pPr>
              <a:lnSpc>
                <a:spcPct val="100000"/>
              </a:lnSpc>
              <a:spcBef>
                <a:spcPts val="600"/>
              </a:spcBef>
              <a:defRPr sz="1200"/>
            </a:lvl3pPr>
            <a:lvl4pPr>
              <a:lnSpc>
                <a:spcPct val="100000"/>
              </a:lnSpc>
              <a:spcBef>
                <a:spcPts val="600"/>
              </a:spcBef>
              <a:defRPr sz="1200"/>
            </a:lvl4pPr>
            <a:lvl5pPr>
              <a:lnSpc>
                <a:spcPct val="100000"/>
              </a:lnSpc>
              <a:spcBef>
                <a:spcPts val="600"/>
              </a:spcBef>
              <a:defRPr sz="12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38" name="Content Placeholder 6">
            <a:extLst>
              <a:ext uri="{FF2B5EF4-FFF2-40B4-BE49-F238E27FC236}">
                <a16:creationId xmlns:a16="http://schemas.microsoft.com/office/drawing/2014/main" id="{287FBD57-6702-4F91-B717-C913C186C628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263526" y="2699701"/>
            <a:ext cx="1512000" cy="943200"/>
          </a:xfrm>
          <a:prstGeom prst="rect">
            <a:avLst/>
          </a:prstGeom>
          <a:noFill/>
        </p:spPr>
        <p:txBody>
          <a:bodyPr tIns="0" anchor="t" anchorCtr="0"/>
          <a:lstStyle>
            <a:lvl1pPr algn="l">
              <a:spcBef>
                <a:spcPts val="0"/>
              </a:spcBef>
              <a:defRPr sz="6600" b="1">
                <a:solidFill>
                  <a:schemeClr val="accent5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02.</a:t>
            </a:r>
          </a:p>
        </p:txBody>
      </p:sp>
      <p:sp>
        <p:nvSpPr>
          <p:cNvPr id="39" name="Content Placeholder 6">
            <a:extLst>
              <a:ext uri="{FF2B5EF4-FFF2-40B4-BE49-F238E27FC236}">
                <a16:creationId xmlns:a16="http://schemas.microsoft.com/office/drawing/2014/main" id="{D3A403B4-1233-48D9-939E-539F1DEE6C17}"/>
              </a:ext>
            </a:extLst>
          </p:cNvPr>
          <p:cNvSpPr>
            <a:spLocks noGrp="1"/>
          </p:cNvSpPr>
          <p:nvPr>
            <p:ph sz="quarter" idx="50" hasCustomPrompt="1"/>
          </p:nvPr>
        </p:nvSpPr>
        <p:spPr>
          <a:xfrm>
            <a:off x="263526" y="4022931"/>
            <a:ext cx="1512000" cy="943200"/>
          </a:xfrm>
          <a:prstGeom prst="rect">
            <a:avLst/>
          </a:prstGeom>
          <a:noFill/>
        </p:spPr>
        <p:txBody>
          <a:bodyPr tIns="0" anchor="t" anchorCtr="0"/>
          <a:lstStyle>
            <a:lvl1pPr algn="l">
              <a:spcBef>
                <a:spcPts val="0"/>
              </a:spcBef>
              <a:defRPr sz="6600" b="1">
                <a:solidFill>
                  <a:schemeClr val="accent5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03.</a:t>
            </a:r>
          </a:p>
        </p:txBody>
      </p:sp>
      <p:sp>
        <p:nvSpPr>
          <p:cNvPr id="40" name="Content Placeholder 6">
            <a:extLst>
              <a:ext uri="{FF2B5EF4-FFF2-40B4-BE49-F238E27FC236}">
                <a16:creationId xmlns:a16="http://schemas.microsoft.com/office/drawing/2014/main" id="{2D403FEE-1DE0-489E-93AD-696B7F46C4DA}"/>
              </a:ext>
            </a:extLst>
          </p:cNvPr>
          <p:cNvSpPr>
            <a:spLocks noGrp="1"/>
          </p:cNvSpPr>
          <p:nvPr>
            <p:ph sz="quarter" idx="43" hasCustomPrompt="1"/>
          </p:nvPr>
        </p:nvSpPr>
        <p:spPr>
          <a:xfrm>
            <a:off x="263526" y="1376363"/>
            <a:ext cx="1512000" cy="943200"/>
          </a:xfrm>
          <a:prstGeom prst="rect">
            <a:avLst/>
          </a:prstGeom>
          <a:noFill/>
        </p:spPr>
        <p:txBody>
          <a:bodyPr tIns="0" anchor="t" anchorCtr="0"/>
          <a:lstStyle>
            <a:lvl1pPr algn="l">
              <a:spcBef>
                <a:spcPts val="0"/>
              </a:spcBef>
              <a:defRPr sz="6600" b="1">
                <a:solidFill>
                  <a:schemeClr val="accent5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01.</a:t>
            </a:r>
          </a:p>
        </p:txBody>
      </p:sp>
      <p:sp>
        <p:nvSpPr>
          <p:cNvPr id="41" name="Content Placeholder 6">
            <a:extLst>
              <a:ext uri="{FF2B5EF4-FFF2-40B4-BE49-F238E27FC236}">
                <a16:creationId xmlns:a16="http://schemas.microsoft.com/office/drawing/2014/main" id="{DA07BDAE-41C2-4483-8E4F-05FBB75EBBCB}"/>
              </a:ext>
            </a:extLst>
          </p:cNvPr>
          <p:cNvSpPr>
            <a:spLocks noGrp="1"/>
          </p:cNvSpPr>
          <p:nvPr>
            <p:ph sz="quarter" idx="51" hasCustomPrompt="1"/>
          </p:nvPr>
        </p:nvSpPr>
        <p:spPr>
          <a:xfrm>
            <a:off x="263526" y="5346378"/>
            <a:ext cx="1512000" cy="943200"/>
          </a:xfrm>
          <a:prstGeom prst="rect">
            <a:avLst/>
          </a:prstGeom>
          <a:noFill/>
        </p:spPr>
        <p:txBody>
          <a:bodyPr tIns="0" anchor="t" anchorCtr="0"/>
          <a:lstStyle>
            <a:lvl1pPr algn="l">
              <a:spcBef>
                <a:spcPts val="0"/>
              </a:spcBef>
              <a:defRPr sz="6600" b="1">
                <a:solidFill>
                  <a:schemeClr val="accent5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04.</a:t>
            </a:r>
          </a:p>
        </p:txBody>
      </p:sp>
      <p:sp>
        <p:nvSpPr>
          <p:cNvPr id="23" name="Picture Placeholder 24">
            <a:extLst>
              <a:ext uri="{FF2B5EF4-FFF2-40B4-BE49-F238E27FC236}">
                <a16:creationId xmlns:a16="http://schemas.microsoft.com/office/drawing/2014/main" id="{9891764E-CA93-43B4-92B2-04BD3529E43B}"/>
              </a:ext>
            </a:extLst>
          </p:cNvPr>
          <p:cNvSpPr>
            <a:spLocks noGrp="1"/>
          </p:cNvSpPr>
          <p:nvPr>
            <p:ph type="pic" sz="quarter" idx="35" hasCustomPrompt="1"/>
          </p:nvPr>
        </p:nvSpPr>
        <p:spPr>
          <a:xfrm>
            <a:off x="1777133" y="1361963"/>
            <a:ext cx="1872000" cy="28800"/>
          </a:xfrm>
          <a:solidFill>
            <a:schemeClr val="tx2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24" name="Picture Placeholder 24">
            <a:extLst>
              <a:ext uri="{FF2B5EF4-FFF2-40B4-BE49-F238E27FC236}">
                <a16:creationId xmlns:a16="http://schemas.microsoft.com/office/drawing/2014/main" id="{F690778B-11FF-476E-83BE-8C3E33FD358F}"/>
              </a:ext>
            </a:extLst>
          </p:cNvPr>
          <p:cNvSpPr>
            <a:spLocks noGrp="1"/>
          </p:cNvSpPr>
          <p:nvPr>
            <p:ph type="pic" sz="quarter" idx="36" hasCustomPrompt="1"/>
          </p:nvPr>
        </p:nvSpPr>
        <p:spPr>
          <a:xfrm>
            <a:off x="1777133" y="2692249"/>
            <a:ext cx="1872000" cy="28800"/>
          </a:xfrm>
          <a:solidFill>
            <a:schemeClr val="tx2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25" name="Picture Placeholder 24">
            <a:extLst>
              <a:ext uri="{FF2B5EF4-FFF2-40B4-BE49-F238E27FC236}">
                <a16:creationId xmlns:a16="http://schemas.microsoft.com/office/drawing/2014/main" id="{D67C2078-D977-4C03-9B15-669128D5E497}"/>
              </a:ext>
            </a:extLst>
          </p:cNvPr>
          <p:cNvSpPr>
            <a:spLocks noGrp="1"/>
          </p:cNvSpPr>
          <p:nvPr>
            <p:ph type="pic" sz="quarter" idx="37" hasCustomPrompt="1"/>
          </p:nvPr>
        </p:nvSpPr>
        <p:spPr>
          <a:xfrm>
            <a:off x="1777133" y="4008639"/>
            <a:ext cx="1872000" cy="28800"/>
          </a:xfrm>
          <a:solidFill>
            <a:schemeClr val="tx2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27" name="Picture Placeholder 24">
            <a:extLst>
              <a:ext uri="{FF2B5EF4-FFF2-40B4-BE49-F238E27FC236}">
                <a16:creationId xmlns:a16="http://schemas.microsoft.com/office/drawing/2014/main" id="{E3E0D943-04F8-460D-85BF-6F7B0324D96B}"/>
              </a:ext>
            </a:extLst>
          </p:cNvPr>
          <p:cNvSpPr>
            <a:spLocks noGrp="1"/>
          </p:cNvSpPr>
          <p:nvPr>
            <p:ph type="pic" sz="quarter" idx="52" hasCustomPrompt="1"/>
          </p:nvPr>
        </p:nvSpPr>
        <p:spPr>
          <a:xfrm>
            <a:off x="1777133" y="5331978"/>
            <a:ext cx="1872000" cy="28800"/>
          </a:xfrm>
          <a:solidFill>
            <a:schemeClr val="tx2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26" name="Title 1">
            <a:extLst>
              <a:ext uri="{FF2B5EF4-FFF2-40B4-BE49-F238E27FC236}">
                <a16:creationId xmlns:a16="http://schemas.microsoft.com/office/drawing/2014/main" id="{964E16CA-A3E9-4322-B9BE-4FF2A7C5CAB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21" name="Content Placeholder 3">
            <a:extLst>
              <a:ext uri="{FF2B5EF4-FFF2-40B4-BE49-F238E27FC236}">
                <a16:creationId xmlns:a16="http://schemas.microsoft.com/office/drawing/2014/main" id="{D8823674-FBB1-4551-AC02-90DB5D85F417}"/>
              </a:ext>
            </a:extLst>
          </p:cNvPr>
          <p:cNvSpPr>
            <a:spLocks noGrp="1"/>
          </p:cNvSpPr>
          <p:nvPr>
            <p:ph sz="quarter" idx="53"/>
          </p:nvPr>
        </p:nvSpPr>
        <p:spPr bwMode="gray">
          <a:xfrm>
            <a:off x="1770502" y="1844826"/>
            <a:ext cx="1878630" cy="534375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</a:t>
            </a:r>
          </a:p>
        </p:txBody>
      </p:sp>
      <p:sp>
        <p:nvSpPr>
          <p:cNvPr id="30" name="Content Placeholder 3">
            <a:extLst>
              <a:ext uri="{FF2B5EF4-FFF2-40B4-BE49-F238E27FC236}">
                <a16:creationId xmlns:a16="http://schemas.microsoft.com/office/drawing/2014/main" id="{022D9BBD-A252-4309-A295-ED6177147C22}"/>
              </a:ext>
            </a:extLst>
          </p:cNvPr>
          <p:cNvSpPr>
            <a:spLocks noGrp="1"/>
          </p:cNvSpPr>
          <p:nvPr>
            <p:ph sz="quarter" idx="54"/>
          </p:nvPr>
        </p:nvSpPr>
        <p:spPr bwMode="gray">
          <a:xfrm>
            <a:off x="1770502" y="3178604"/>
            <a:ext cx="1878630" cy="534375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</a:t>
            </a:r>
          </a:p>
        </p:txBody>
      </p:sp>
      <p:sp>
        <p:nvSpPr>
          <p:cNvPr id="31" name="Content Placeholder 3">
            <a:extLst>
              <a:ext uri="{FF2B5EF4-FFF2-40B4-BE49-F238E27FC236}">
                <a16:creationId xmlns:a16="http://schemas.microsoft.com/office/drawing/2014/main" id="{94C57C6C-1977-455A-A9A5-50449BAFD477}"/>
              </a:ext>
            </a:extLst>
          </p:cNvPr>
          <p:cNvSpPr>
            <a:spLocks noGrp="1"/>
          </p:cNvSpPr>
          <p:nvPr>
            <p:ph sz="quarter" idx="55"/>
          </p:nvPr>
        </p:nvSpPr>
        <p:spPr bwMode="gray">
          <a:xfrm>
            <a:off x="1770502" y="4494195"/>
            <a:ext cx="1878630" cy="534375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</a:t>
            </a:r>
          </a:p>
        </p:txBody>
      </p:sp>
      <p:sp>
        <p:nvSpPr>
          <p:cNvPr id="33" name="Content Placeholder 3">
            <a:extLst>
              <a:ext uri="{FF2B5EF4-FFF2-40B4-BE49-F238E27FC236}">
                <a16:creationId xmlns:a16="http://schemas.microsoft.com/office/drawing/2014/main" id="{1CC08C47-21F2-4262-A804-D297AEF30EEC}"/>
              </a:ext>
            </a:extLst>
          </p:cNvPr>
          <p:cNvSpPr>
            <a:spLocks noGrp="1"/>
          </p:cNvSpPr>
          <p:nvPr>
            <p:ph sz="quarter" idx="56"/>
          </p:nvPr>
        </p:nvSpPr>
        <p:spPr bwMode="gray">
          <a:xfrm>
            <a:off x="1770502" y="5814841"/>
            <a:ext cx="1878630" cy="534375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</a:t>
            </a:r>
          </a:p>
        </p:txBody>
      </p:sp>
      <p:sp>
        <p:nvSpPr>
          <p:cNvPr id="35" name="TextBox 34">
            <a:extLst>
              <a:ext uri="{FF2B5EF4-FFF2-40B4-BE49-F238E27FC236}">
                <a16:creationId xmlns:a16="http://schemas.microsoft.com/office/drawing/2014/main" id="{BD07A039-A2A7-4E20-A641-B5E323D5CCB3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2942106432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(1.0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3">
            <a:extLst>
              <a:ext uri="{FF2B5EF4-FFF2-40B4-BE49-F238E27FC236}">
                <a16:creationId xmlns:a16="http://schemas.microsoft.com/office/drawing/2014/main" id="{C0EE7B7B-F566-4855-B2E0-D348111D66F4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3215681" y="882650"/>
            <a:ext cx="8976319" cy="5462588"/>
          </a:xfrm>
          <a:noFill/>
        </p:spPr>
        <p:txBody>
          <a:bodyPr tIns="756000" anchor="ctr"/>
          <a:lstStyle>
            <a:lvl1pPr algn="ctr">
              <a:defRPr>
                <a:solidFill>
                  <a:schemeClr val="accent4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49C6567E-C4DF-4FB0-9D5E-ACC3B7BDA53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35185BA0-8E21-40A4-818D-11D1EF8C340A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2956674864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&amp; Red box (1)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3">
            <a:extLst>
              <a:ext uri="{FF2B5EF4-FFF2-40B4-BE49-F238E27FC236}">
                <a16:creationId xmlns:a16="http://schemas.microsoft.com/office/drawing/2014/main" id="{C0EE7B7B-F566-4855-B2E0-D348111D66F4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3215681" y="882650"/>
            <a:ext cx="8976319" cy="5462588"/>
          </a:xfrm>
          <a:noFill/>
        </p:spPr>
        <p:txBody>
          <a:bodyPr tIns="756000" anchor="ctr"/>
          <a:lstStyle>
            <a:lvl1pPr algn="ctr">
              <a:defRPr>
                <a:solidFill>
                  <a:schemeClr val="accent4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8" name="Content Placeholder 3">
            <a:extLst>
              <a:ext uri="{FF2B5EF4-FFF2-40B4-BE49-F238E27FC236}">
                <a16:creationId xmlns:a16="http://schemas.microsoft.com/office/drawing/2014/main" id="{56BC035B-BAB1-4A51-BFA6-CE8077EA9BCB}"/>
              </a:ext>
            </a:extLst>
          </p:cNvPr>
          <p:cNvSpPr>
            <a:spLocks noGrp="1"/>
          </p:cNvSpPr>
          <p:nvPr>
            <p:ph sz="quarter" idx="26"/>
          </p:nvPr>
        </p:nvSpPr>
        <p:spPr bwMode="gray">
          <a:xfrm>
            <a:off x="263525" y="1844826"/>
            <a:ext cx="3672236" cy="2160000"/>
          </a:xfrm>
          <a:solidFill>
            <a:schemeClr val="tx2"/>
          </a:solidFill>
        </p:spPr>
        <p:txBody>
          <a:bodyPr lIns="324000" tIns="252000" rIns="324000" bIns="46800"/>
          <a:lstStyle>
            <a:lvl1pPr>
              <a:lnSpc>
                <a:spcPct val="100000"/>
              </a:lnSpc>
              <a:spcBef>
                <a:spcPts val="600"/>
              </a:spcBef>
              <a:defRPr sz="2000" b="1">
                <a:solidFill>
                  <a:schemeClr val="bg1"/>
                </a:solidFill>
              </a:defRPr>
            </a:lvl1pPr>
            <a:lvl2pPr>
              <a:lnSpc>
                <a:spcPct val="100000"/>
              </a:lnSpc>
              <a:spcBef>
                <a:spcPts val="600"/>
              </a:spcBef>
              <a:defRPr sz="2000" b="1"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49C6567E-C4DF-4FB0-9D5E-ACC3B7BDA53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5C5FBC4A-D5DA-4E1B-B706-64A7A0897361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639056009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(1.2)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  <a:noFill/>
        </p:spPr>
        <p:txBody>
          <a:bodyPr/>
          <a:lstStyle>
            <a:lvl1pPr>
              <a:defRPr>
                <a:solidFill>
                  <a:schemeClr val="accent6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noFill/>
        </p:spPr>
        <p:txBody>
          <a:bodyPr/>
          <a:lstStyle>
            <a:lvl1pPr>
              <a:defRPr>
                <a:solidFill>
                  <a:schemeClr val="accent6"/>
                </a:solidFill>
              </a:defRPr>
            </a:lvl1pPr>
          </a:lstStyle>
          <a:p>
            <a:fld id="{C24EC536-6FE3-4540-8D85-74C58F0BF69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8" name="Title 1">
            <a:extLst>
              <a:ext uri="{FF2B5EF4-FFF2-40B4-BE49-F238E27FC236}">
                <a16:creationId xmlns:a16="http://schemas.microsoft.com/office/drawing/2014/main" id="{0DEC4303-B6CF-46B0-B379-C819ED7C210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77AD5145-5964-48FD-8668-FAC67E019C00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1" y="882650"/>
            <a:ext cx="12192000" cy="5975350"/>
          </a:xfrm>
          <a:noFill/>
        </p:spPr>
        <p:txBody>
          <a:bodyPr tIns="756000" anchor="ctr"/>
          <a:lstStyle>
            <a:lvl1pPr algn="ctr">
              <a:defRPr>
                <a:solidFill>
                  <a:schemeClr val="accent4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3FECFCC7-6B73-405C-B604-D73FE69BDB11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1144492844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&amp; Red box (1.1)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  <a:noFill/>
        </p:spPr>
        <p:txBody>
          <a:bodyPr/>
          <a:lstStyle>
            <a:lvl1pPr>
              <a:defRPr>
                <a:solidFill>
                  <a:schemeClr val="accent6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noFill/>
        </p:spPr>
        <p:txBody>
          <a:bodyPr/>
          <a:lstStyle>
            <a:lvl1pPr>
              <a:defRPr>
                <a:solidFill>
                  <a:schemeClr val="accent6"/>
                </a:solidFill>
              </a:defRPr>
            </a:lvl1pPr>
          </a:lstStyle>
          <a:p>
            <a:fld id="{C24EC536-6FE3-4540-8D85-74C58F0BF69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8" name="Title 1">
            <a:extLst>
              <a:ext uri="{FF2B5EF4-FFF2-40B4-BE49-F238E27FC236}">
                <a16:creationId xmlns:a16="http://schemas.microsoft.com/office/drawing/2014/main" id="{0DEC4303-B6CF-46B0-B379-C819ED7C210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9" name="Picture Placeholder 3">
            <a:extLst>
              <a:ext uri="{FF2B5EF4-FFF2-40B4-BE49-F238E27FC236}">
                <a16:creationId xmlns:a16="http://schemas.microsoft.com/office/drawing/2014/main" id="{5EFDDFA6-A169-418F-B10F-BD5F68A5495D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1" y="882650"/>
            <a:ext cx="12192000" cy="5975350"/>
          </a:xfrm>
          <a:noFill/>
        </p:spPr>
        <p:txBody>
          <a:bodyPr tIns="756000" anchor="ctr"/>
          <a:lstStyle>
            <a:lvl1pPr algn="ctr">
              <a:defRPr>
                <a:solidFill>
                  <a:schemeClr val="accent4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10" name="Content Placeholder 3">
            <a:extLst>
              <a:ext uri="{FF2B5EF4-FFF2-40B4-BE49-F238E27FC236}">
                <a16:creationId xmlns:a16="http://schemas.microsoft.com/office/drawing/2014/main" id="{E443FC17-BCDF-43B2-ACE2-E95733DC12BE}"/>
              </a:ext>
            </a:extLst>
          </p:cNvPr>
          <p:cNvSpPr>
            <a:spLocks noGrp="1"/>
          </p:cNvSpPr>
          <p:nvPr>
            <p:ph sz="quarter" idx="27"/>
          </p:nvPr>
        </p:nvSpPr>
        <p:spPr bwMode="gray">
          <a:xfrm>
            <a:off x="263525" y="1844826"/>
            <a:ext cx="3672236" cy="4752526"/>
          </a:xfrm>
          <a:solidFill>
            <a:schemeClr val="tx2"/>
          </a:solidFill>
        </p:spPr>
        <p:txBody>
          <a:bodyPr lIns="324000" tIns="252000" rIns="324000" bIns="46800"/>
          <a:lstStyle>
            <a:lvl1pPr>
              <a:lnSpc>
                <a:spcPct val="100000"/>
              </a:lnSpc>
              <a:spcBef>
                <a:spcPts val="600"/>
              </a:spcBef>
              <a:defRPr sz="2000" b="1">
                <a:solidFill>
                  <a:schemeClr val="bg1"/>
                </a:solidFill>
              </a:defRPr>
            </a:lvl1pPr>
            <a:lvl2pPr>
              <a:lnSpc>
                <a:spcPct val="100000"/>
              </a:lnSpc>
              <a:spcBef>
                <a:spcPts val="600"/>
              </a:spcBef>
              <a:defRPr sz="2000" b="1"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A48DE629-552D-4BCA-8F77-4918F9D3816D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649416850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(4) &amp; (Red) (1.2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3">
            <a:extLst>
              <a:ext uri="{FF2B5EF4-FFF2-40B4-BE49-F238E27FC236}">
                <a16:creationId xmlns:a16="http://schemas.microsoft.com/office/drawing/2014/main" id="{C0EE7B7B-F566-4855-B2E0-D348111D66F4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3431704" y="1268760"/>
            <a:ext cx="4248472" cy="2448272"/>
          </a:xfrm>
          <a:noFill/>
        </p:spPr>
        <p:txBody>
          <a:bodyPr tIns="756000" anchor="ctr"/>
          <a:lstStyle>
            <a:lvl1pPr algn="ctr">
              <a:defRPr>
                <a:solidFill>
                  <a:schemeClr val="accent4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7" name="Picture Placeholder 3">
            <a:extLst>
              <a:ext uri="{FF2B5EF4-FFF2-40B4-BE49-F238E27FC236}">
                <a16:creationId xmlns:a16="http://schemas.microsoft.com/office/drawing/2014/main" id="{97E6A79D-7394-4BCC-8689-C94B7FC7798A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>
          <a:xfrm>
            <a:off x="7896027" y="1268760"/>
            <a:ext cx="4032448" cy="2448272"/>
          </a:xfrm>
          <a:noFill/>
        </p:spPr>
        <p:txBody>
          <a:bodyPr tIns="756000" anchor="ctr"/>
          <a:lstStyle>
            <a:lvl1pPr algn="ctr">
              <a:defRPr>
                <a:solidFill>
                  <a:schemeClr val="accent4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8" name="Picture Placeholder 3">
            <a:extLst>
              <a:ext uri="{FF2B5EF4-FFF2-40B4-BE49-F238E27FC236}">
                <a16:creationId xmlns:a16="http://schemas.microsoft.com/office/drawing/2014/main" id="{A2501572-ACDF-4C5D-9DF5-F46F5B75D4D3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>
          <a:xfrm>
            <a:off x="3431704" y="3896966"/>
            <a:ext cx="4248472" cy="2448272"/>
          </a:xfrm>
          <a:noFill/>
        </p:spPr>
        <p:txBody>
          <a:bodyPr tIns="756000" anchor="ctr"/>
          <a:lstStyle>
            <a:lvl1pPr algn="ctr">
              <a:defRPr>
                <a:solidFill>
                  <a:schemeClr val="accent4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9" name="Picture Placeholder 3">
            <a:extLst>
              <a:ext uri="{FF2B5EF4-FFF2-40B4-BE49-F238E27FC236}">
                <a16:creationId xmlns:a16="http://schemas.microsoft.com/office/drawing/2014/main" id="{E9DDE618-DE60-409A-81C9-DF306EC1F8BE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>
          <a:xfrm>
            <a:off x="7896027" y="3896966"/>
            <a:ext cx="4032448" cy="2448272"/>
          </a:xfrm>
          <a:noFill/>
        </p:spPr>
        <p:txBody>
          <a:bodyPr tIns="756000" anchor="ctr"/>
          <a:lstStyle>
            <a:lvl1pPr algn="ctr">
              <a:defRPr>
                <a:solidFill>
                  <a:schemeClr val="accent4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12" name="Content Placeholder 3">
            <a:extLst>
              <a:ext uri="{FF2B5EF4-FFF2-40B4-BE49-F238E27FC236}">
                <a16:creationId xmlns:a16="http://schemas.microsoft.com/office/drawing/2014/main" id="{5DE7F3C5-E709-407F-AE6E-D2E1093035DE}"/>
              </a:ext>
            </a:extLst>
          </p:cNvPr>
          <p:cNvSpPr>
            <a:spLocks noGrp="1"/>
          </p:cNvSpPr>
          <p:nvPr>
            <p:ph sz="quarter" idx="26"/>
          </p:nvPr>
        </p:nvSpPr>
        <p:spPr bwMode="gray">
          <a:xfrm>
            <a:off x="263525" y="1268760"/>
            <a:ext cx="2952155" cy="5076478"/>
          </a:xfrm>
          <a:solidFill>
            <a:schemeClr val="accent5"/>
          </a:solidFill>
        </p:spPr>
        <p:txBody>
          <a:bodyPr lIns="252000" tIns="216000" rIns="252000" bIns="46800"/>
          <a:lstStyle>
            <a:lvl1pPr>
              <a:lnSpc>
                <a:spcPct val="100000"/>
              </a:lnSpc>
              <a:spcBef>
                <a:spcPts val="600"/>
              </a:spcBef>
              <a:defRPr sz="2000" b="1">
                <a:solidFill>
                  <a:schemeClr val="bg1"/>
                </a:solidFill>
              </a:defRPr>
            </a:lvl1pPr>
            <a:lvl2pPr>
              <a:lnSpc>
                <a:spcPct val="100000"/>
              </a:lnSpc>
              <a:spcBef>
                <a:spcPts val="600"/>
              </a:spcBef>
              <a:defRPr sz="2000" b="1"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42B434BB-384B-450C-9091-686F6412B5C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3FAFDB29-6085-4001-A317-7E64202DA7DB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895387587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0CF477D-6C63-4F4F-9AE3-EEDFA6E93E4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8" name="Content Placeholder 3">
            <a:extLst>
              <a:ext uri="{FF2B5EF4-FFF2-40B4-BE49-F238E27FC236}">
                <a16:creationId xmlns:a16="http://schemas.microsoft.com/office/drawing/2014/main" id="{60209B7B-C8FD-4B4E-8E75-636AE148E250}"/>
              </a:ext>
            </a:extLst>
          </p:cNvPr>
          <p:cNvSpPr>
            <a:spLocks noGrp="1"/>
          </p:cNvSpPr>
          <p:nvPr>
            <p:ph sz="quarter" idx="30"/>
          </p:nvPr>
        </p:nvSpPr>
        <p:spPr bwMode="gray">
          <a:xfrm>
            <a:off x="263524" y="2097089"/>
            <a:ext cx="11664951" cy="3564156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9" name="Content Placeholder 3">
            <a:extLst>
              <a:ext uri="{FF2B5EF4-FFF2-40B4-BE49-F238E27FC236}">
                <a16:creationId xmlns:a16="http://schemas.microsoft.com/office/drawing/2014/main" id="{9D907760-3A9C-4029-BC6E-C55487567DDB}"/>
              </a:ext>
            </a:extLst>
          </p:cNvPr>
          <p:cNvSpPr>
            <a:spLocks noGrp="1"/>
          </p:cNvSpPr>
          <p:nvPr>
            <p:ph sz="quarter" idx="31" hasCustomPrompt="1"/>
          </p:nvPr>
        </p:nvSpPr>
        <p:spPr bwMode="gray">
          <a:xfrm>
            <a:off x="263524" y="882844"/>
            <a:ext cx="11664951" cy="856793"/>
          </a:xfrm>
        </p:spPr>
        <p:txBody>
          <a:bodyPr lIns="0" tIns="144000" rIns="0" bIns="0"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800"/>
            </a:lvl1pPr>
            <a:lvl2pPr marL="0" indent="0">
              <a:lnSpc>
                <a:spcPct val="90000"/>
              </a:lnSpc>
              <a:spcBef>
                <a:spcPts val="1000"/>
              </a:spcBef>
              <a:buNone/>
              <a:defRPr sz="1800"/>
            </a:lvl2pPr>
            <a:lvl3pPr>
              <a:lnSpc>
                <a:spcPct val="90000"/>
              </a:lnSpc>
              <a:spcBef>
                <a:spcPts val="1000"/>
              </a:spcBef>
              <a:defRPr/>
            </a:lvl3pPr>
            <a:lvl4pPr>
              <a:lnSpc>
                <a:spcPct val="90000"/>
              </a:lnSpc>
              <a:spcBef>
                <a:spcPts val="1000"/>
              </a:spcBef>
              <a:defRPr/>
            </a:lvl4pPr>
            <a:lvl5pPr>
              <a:lnSpc>
                <a:spcPct val="90000"/>
              </a:lnSpc>
              <a:spcBef>
                <a:spcPts val="1000"/>
              </a:spcBef>
              <a:defRPr/>
            </a:lvl5pPr>
          </a:lstStyle>
          <a:p>
            <a:pPr lvl="0"/>
            <a:r>
              <a:rPr lang="en-US" dirty="0"/>
              <a:t>Click to edit Master Subtitle styles</a:t>
            </a:r>
          </a:p>
          <a:p>
            <a:pPr lvl="0"/>
            <a:r>
              <a:rPr lang="en-US" dirty="0"/>
              <a:t>Click to edit Master Subtitle styles</a:t>
            </a:r>
          </a:p>
        </p:txBody>
      </p:sp>
      <p:sp>
        <p:nvSpPr>
          <p:cNvPr id="10" name="Text Placeholder 7">
            <a:extLst>
              <a:ext uri="{FF2B5EF4-FFF2-40B4-BE49-F238E27FC236}">
                <a16:creationId xmlns:a16="http://schemas.microsoft.com/office/drawing/2014/main" id="{3CA8DD60-BCEB-4178-AAEE-8C17E6DDA853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 bwMode="gray">
          <a:xfrm>
            <a:off x="0" y="5805264"/>
            <a:ext cx="12192000" cy="539974"/>
          </a:xfrm>
          <a:solidFill>
            <a:schemeClr val="accent6"/>
          </a:solidFill>
        </p:spPr>
        <p:txBody>
          <a:bodyPr tIns="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6pPr>
            <a:lvl7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7pPr>
            <a:lvl8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8pPr>
            <a:lvl9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6952B5F3-132F-4F3B-8B9B-D889F16FF688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289271379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615EBE3-15F4-4391-906A-9FB622793F4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pl-PL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E147D1C-C7E3-4E23-AF2C-EA09B38E345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81127588-C439-41BC-A525-01970957F35A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pl-PL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42E77097-FD58-44DC-9EF4-AD10483FC8E8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67AB8CD8-0B65-49C5-B9D6-9029097B98F9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pl-PL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9274D076-3A37-4DBE-8D9C-471A05284EA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C09CA78-A29A-4CD4-9A25-957092CA3074}" type="datetimeFigureOut">
              <a:rPr lang="pl-PL" smtClean="0"/>
              <a:t>21.07.2021</a:t>
            </a:fld>
            <a:endParaRPr lang="pl-PL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B69C6A42-C414-4A5C-94FE-B7D7CADA704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l-PL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416BE4F7-CB75-4FCC-BAE6-80533252D26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C577F83-369C-4B9F-8EE9-95C30396C532}" type="slidenum">
              <a:rPr lang="pl-PL" smtClean="0"/>
              <a:t>‹#›</a:t>
            </a:fld>
            <a:endParaRPr lang="pl-PL"/>
          </a:p>
        </p:txBody>
      </p:sp>
    </p:spTree>
    <p:extLst>
      <p:ext uri="{BB962C8B-B14F-4D97-AF65-F5344CB8AC3E}">
        <p14:creationId xmlns:p14="http://schemas.microsoft.com/office/powerpoint/2010/main" val="1517493704"/>
      </p:ext>
    </p:extLst>
  </p:cSld>
  <p:clrMapOvr>
    <a:masterClrMapping/>
  </p:clrMapOvr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inal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C24EC536-6FE3-4540-8D85-74C58F0BF697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8" name="Graphic 7">
            <a:extLst>
              <a:ext uri="{FF2B5EF4-FFF2-40B4-BE49-F238E27FC236}">
                <a16:creationId xmlns:a16="http://schemas.microsoft.com/office/drawing/2014/main" id="{F5A1FED3-F338-4088-BAA5-26049E2945A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324045" y="2627060"/>
            <a:ext cx="5543910" cy="1316290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5FDC5F8F-E8D3-4FF3-A5E1-A5D35D8193A7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  <p:sp>
        <p:nvSpPr>
          <p:cNvPr id="2" name="text" descr="{&#10; &quot;SkabelonDesign&quot;: {&#10; &quot;textualValue&quot;: &quot;&lt;key1/&gt;&quot;,&#10; &quot;bindingCollection&quot;: {&#10; &quot;key1&quot;: {&quot;SkabelonDesign&quot;:{&quot;type&quot;:&quot;Text&quot;,&quot;binding&quot;:&quot;Copyright&quot;}}&#10; }&#10; }&#10;}">
            <a:extLst>
              <a:ext uri="{FF2B5EF4-FFF2-40B4-BE49-F238E27FC236}">
                <a16:creationId xmlns:a16="http://schemas.microsoft.com/office/drawing/2014/main" id="{D5D7E4A5-E379-4431-ABB5-D19AD331210A}"/>
              </a:ext>
            </a:extLst>
          </p:cNvPr>
          <p:cNvSpPr txBox="1"/>
          <p:nvPr userDrawn="1"/>
        </p:nvSpPr>
        <p:spPr bwMode="gray">
          <a:xfrm>
            <a:off x="9384507" y="6604001"/>
            <a:ext cx="2160000" cy="224432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 anchor="ctr">
            <a:noAutofit/>
          </a:bodyPr>
          <a:lstStyle/>
          <a:p>
            <a:pPr marL="0" marR="0" lvl="0" indent="0" algn="l" defTabSz="914491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730" b="0" i="0" u="none" strike="noStrike" kern="1200" cap="none" spc="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© Hitachi ABB Power Grids 2020. All rights reserved</a:t>
            </a:r>
            <a:endParaRPr kumimoji="0" lang="en-US" sz="73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40347675"/>
      </p:ext>
    </p:extLst>
  </p:cSld>
  <p:clrMapOvr>
    <a:masterClrMapping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Text Box 3">
            <a:extLst>
              <a:ext uri="{FF2B5EF4-FFF2-40B4-BE49-F238E27FC236}">
                <a16:creationId xmlns:a16="http://schemas.microsoft.com/office/drawing/2014/main" id="{19798472-DC87-414E-BC4E-CFAF99EF0ED7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467579" y="1608016"/>
            <a:ext cx="2786833" cy="400109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sz="1600" dirty="0">
                <a:latin typeface="+mn-lt"/>
                <a:cs typeface="Arial" panose="020B0604020202020204" pitchFamily="34" charset="0"/>
              </a:rPr>
              <a:t>PICTURES</a:t>
            </a:r>
            <a:br>
              <a:rPr lang="en-US" sz="900" dirty="0">
                <a:latin typeface="+mn-lt"/>
                <a:cs typeface="Arial" panose="020B0604020202020204" pitchFamily="34" charset="0"/>
              </a:rPr>
            </a:br>
            <a:r>
              <a:rPr lang="en-U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corporate picture from Templafy</a:t>
            </a:r>
            <a:endParaRPr lang="en-US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lick the blue </a:t>
            </a:r>
            <a:r>
              <a:rPr lang="en-US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emplafy </a:t>
            </a:r>
            <a:r>
              <a:rPr lang="en-US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utton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US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 the dropdown, click </a:t>
            </a:r>
            <a:r>
              <a:rPr lang="en-US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</a:t>
            </a:r>
            <a:r>
              <a:rPr lang="en-US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</a:t>
            </a:r>
            <a:br>
              <a:rPr lang="en-US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US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r click the </a:t>
            </a:r>
            <a:r>
              <a:rPr lang="en-US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 </a:t>
            </a:r>
            <a:r>
              <a:rPr lang="en-US" altLang="da-DK" sz="900" b="0" i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utton</a:t>
            </a:r>
            <a:r>
              <a:rPr lang="en-US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n the Templafy pane on the right side of the screen</a:t>
            </a:r>
            <a:endParaRPr lang="en-US" altLang="da-DK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endParaRPr lang="en-US" altLang="da-DK" sz="900" b="0" baseline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pictur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 slides with pictureplaceholder, click on the icon and choose </a:t>
            </a: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en-U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rop pictur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rop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change size or </a:t>
            </a:r>
            <a:b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cus of the pictur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you want to scale the picture, </a:t>
            </a:r>
            <a:b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ld </a:t>
            </a: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ey down while </a:t>
            </a:r>
            <a:b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ragging the corners of the picture</a:t>
            </a:r>
            <a:b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endParaRPr lang="en-US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 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you delete the picture and </a:t>
            </a:r>
            <a:b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a new one, the picture may </a:t>
            </a:r>
            <a:b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e in front of the text or graphic.</a:t>
            </a:r>
            <a:b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this happens, select the picture, </a:t>
            </a:r>
            <a:b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ight-click and choose </a:t>
            </a: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end to Back</a:t>
            </a:r>
          </a:p>
        </p:txBody>
      </p:sp>
      <p:grpSp>
        <p:nvGrpSpPr>
          <p:cNvPr id="26" name="Gruppe 25">
            <a:extLst>
              <a:ext uri="{FF2B5EF4-FFF2-40B4-BE49-F238E27FC236}">
                <a16:creationId xmlns:a16="http://schemas.microsoft.com/office/drawing/2014/main" id="{1E29220A-15A7-4D74-97D3-C35C0B6650BA}"/>
              </a:ext>
            </a:extLst>
          </p:cNvPr>
          <p:cNvGrpSpPr/>
          <p:nvPr userDrawn="1"/>
        </p:nvGrpSpPr>
        <p:grpSpPr>
          <a:xfrm>
            <a:off x="7254412" y="1876097"/>
            <a:ext cx="676669" cy="997704"/>
            <a:chOff x="6442771" y="2574072"/>
            <a:chExt cx="676669" cy="997704"/>
          </a:xfrm>
        </p:grpSpPr>
        <p:pic>
          <p:nvPicPr>
            <p:cNvPr id="27" name="Billede 26">
              <a:extLst>
                <a:ext uri="{FF2B5EF4-FFF2-40B4-BE49-F238E27FC236}">
                  <a16:creationId xmlns:a16="http://schemas.microsoft.com/office/drawing/2014/main" id="{3A5D5234-21E3-4579-AE5E-A650C0CF9FBA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38" name="Billede 37">
              <a:extLst>
                <a:ext uri="{FF2B5EF4-FFF2-40B4-BE49-F238E27FC236}">
                  <a16:creationId xmlns:a16="http://schemas.microsoft.com/office/drawing/2014/main" id="{C18E748C-FC83-400F-9C35-D988C1228010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3"/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sp>
        <p:nvSpPr>
          <p:cNvPr id="42" name="Text Box 2">
            <a:extLst>
              <a:ext uri="{FF2B5EF4-FFF2-40B4-BE49-F238E27FC236}">
                <a16:creationId xmlns:a16="http://schemas.microsoft.com/office/drawing/2014/main" id="{00AD0EBC-0A41-4B26-9D79-79E0C00BBA85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539752" y="1613646"/>
            <a:ext cx="2280360" cy="489364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sz="1600" dirty="0">
                <a:latin typeface="+mn-lt"/>
                <a:cs typeface="Arial" panose="020B0604020202020204" pitchFamily="34" charset="0"/>
              </a:rPr>
              <a:t>TEXT STYLES</a:t>
            </a:r>
            <a:endParaRPr lang="en-US" altLang="da-DK" sz="16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he </a:t>
            </a: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ey</a:t>
            </a:r>
            <a:r>
              <a:rPr lang="en-US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jump through levels. Click </a:t>
            </a:r>
            <a:r>
              <a:rPr lang="en-US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NTER</a:t>
            </a:r>
            <a:r>
              <a:rPr lang="en-US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then </a:t>
            </a:r>
            <a:r>
              <a:rPr lang="en-US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en-US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switch from one level to the next level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go back in levels use </a:t>
            </a:r>
            <a:r>
              <a:rPr lang="en-US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-TAB</a:t>
            </a:r>
            <a:endParaRPr lang="en-US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US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lternatively, </a:t>
            </a:r>
            <a:r>
              <a:rPr lang="en-U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crease</a:t>
            </a:r>
            <a:r>
              <a:rPr lang="en-US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 </a:t>
            </a:r>
            <a:r>
              <a:rPr lang="en-US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crease</a:t>
            </a:r>
            <a:br>
              <a:rPr lang="en-US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US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st level can be used</a:t>
            </a:r>
          </a:p>
          <a:p>
            <a:pPr eaLnBrk="1" hangingPunct="1">
              <a:spcAft>
                <a:spcPts val="600"/>
              </a:spcAft>
              <a:defRPr/>
            </a:pPr>
            <a:endParaRPr lang="en-US" sz="900" baseline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 </a:t>
            </a:r>
            <a:r>
              <a:rPr lang="en-U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bullet button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lete bullet for regular text.</a:t>
            </a:r>
            <a:b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the bullet button to reaply the correct bullet again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b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US" sz="1600" dirty="0">
                <a:latin typeface="+mn-lt"/>
                <a:cs typeface="Arial" panose="020B0604020202020204" pitchFamily="34" charset="0"/>
              </a:rPr>
              <a:t>SLIDES &amp; LAYOUTS</a:t>
            </a:r>
            <a:b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b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the menu </a:t>
            </a: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ew Slide 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 the </a:t>
            </a: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 to insert a new slide</a:t>
            </a:r>
            <a:b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b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 layout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sz="900" dirty="0">
                <a:solidFill>
                  <a:srgbClr val="000000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rPr>
              <a:t>Click on the arrow next to </a:t>
            </a:r>
            <a:r>
              <a:rPr lang="en-US" sz="900" b="1" dirty="0">
                <a:solidFill>
                  <a:srgbClr val="000000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rPr>
              <a:t>Layout</a:t>
            </a:r>
            <a:br>
              <a:rPr lang="en-US" sz="900" b="1" dirty="0">
                <a:solidFill>
                  <a:srgbClr val="000000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rPr>
            </a:br>
            <a:r>
              <a:rPr lang="en-US" sz="900" dirty="0">
                <a:solidFill>
                  <a:srgbClr val="000000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rPr>
              <a:t>to view a dropdown menu of possible slide layouts</a:t>
            </a:r>
            <a:br>
              <a:rPr lang="en-US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br>
              <a:rPr lang="en-US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U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en-US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US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</a:t>
            </a:r>
            <a:r>
              <a:rPr lang="en-US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reset position, size</a:t>
            </a:r>
            <a:r>
              <a:rPr lang="en-US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 formatting of the </a:t>
            </a:r>
            <a:br>
              <a:rPr lang="en-US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US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 placeholders to their default settings</a:t>
            </a:r>
            <a:endParaRPr lang="en-US" altLang="da-DK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en-US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43" name="Picture 2">
            <a:extLst>
              <a:ext uri="{FF2B5EF4-FFF2-40B4-BE49-F238E27FC236}">
                <a16:creationId xmlns:a16="http://schemas.microsoft.com/office/drawing/2014/main" id="{7082C8DC-C092-4676-B834-847B1F285858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2859631" y="3322850"/>
            <a:ext cx="257143" cy="285714"/>
          </a:xfrm>
          <a:prstGeom prst="rect">
            <a:avLst/>
          </a:prstGeom>
        </p:spPr>
      </p:pic>
      <p:pic>
        <p:nvPicPr>
          <p:cNvPr id="46" name="Picture 29">
            <a:extLst>
              <a:ext uri="{FF2B5EF4-FFF2-40B4-BE49-F238E27FC236}">
                <a16:creationId xmlns:a16="http://schemas.microsoft.com/office/drawing/2014/main" id="{6B35B93D-CCEE-48AF-A769-8729CC05BE8A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2860172" y="2599667"/>
            <a:ext cx="457143" cy="257143"/>
          </a:xfrm>
          <a:prstGeom prst="rect">
            <a:avLst/>
          </a:prstGeom>
        </p:spPr>
      </p:pic>
      <p:pic>
        <p:nvPicPr>
          <p:cNvPr id="51" name="Picture 33">
            <a:extLst>
              <a:ext uri="{FF2B5EF4-FFF2-40B4-BE49-F238E27FC236}">
                <a16:creationId xmlns:a16="http://schemas.microsoft.com/office/drawing/2014/main" id="{939F9DAB-8633-4819-950D-F5E391BF7718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6"/>
          <a:srcRect l="3901" t="45142" r="62601" b="9046"/>
          <a:stretch/>
        </p:blipFill>
        <p:spPr>
          <a:xfrm>
            <a:off x="7254412" y="3118826"/>
            <a:ext cx="341204" cy="321707"/>
          </a:xfrm>
          <a:prstGeom prst="rect">
            <a:avLst/>
          </a:prstGeom>
        </p:spPr>
      </p:pic>
      <p:pic>
        <p:nvPicPr>
          <p:cNvPr id="55" name="Picture 16">
            <a:extLst>
              <a:ext uri="{FF2B5EF4-FFF2-40B4-BE49-F238E27FC236}">
                <a16:creationId xmlns:a16="http://schemas.microsoft.com/office/drawing/2014/main" id="{A13B127D-1BE4-4C8F-96F6-59C8D10D8F4E}"/>
              </a:ext>
            </a:extLst>
          </p:cNvPr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2866053" y="4313402"/>
            <a:ext cx="328881" cy="505501"/>
          </a:xfrm>
          <a:prstGeom prst="rect">
            <a:avLst/>
          </a:prstGeom>
        </p:spPr>
      </p:pic>
      <p:pic>
        <p:nvPicPr>
          <p:cNvPr id="56" name="Picture 20">
            <a:extLst>
              <a:ext uri="{FF2B5EF4-FFF2-40B4-BE49-F238E27FC236}">
                <a16:creationId xmlns:a16="http://schemas.microsoft.com/office/drawing/2014/main" id="{5730DD9A-26F6-4C14-AE7D-221D2B3F38DD}"/>
              </a:ext>
            </a:extLst>
          </p:cNvPr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2866053" y="5641555"/>
            <a:ext cx="538465" cy="172841"/>
          </a:xfrm>
          <a:prstGeom prst="rect">
            <a:avLst/>
          </a:prstGeom>
        </p:spPr>
      </p:pic>
      <p:pic>
        <p:nvPicPr>
          <p:cNvPr id="57" name="Picture 19">
            <a:extLst>
              <a:ext uri="{FF2B5EF4-FFF2-40B4-BE49-F238E27FC236}">
                <a16:creationId xmlns:a16="http://schemas.microsoft.com/office/drawing/2014/main" id="{E210FBD4-B8B9-4AFA-9670-2FEBAA1CF374}"/>
              </a:ext>
            </a:extLst>
          </p:cNvPr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7310433" y="3928566"/>
            <a:ext cx="313788" cy="543900"/>
          </a:xfrm>
          <a:prstGeom prst="rect">
            <a:avLst/>
          </a:prstGeom>
        </p:spPr>
      </p:pic>
      <p:sp>
        <p:nvSpPr>
          <p:cNvPr id="61" name="Text Box 4">
            <a:extLst>
              <a:ext uri="{FF2B5EF4-FFF2-40B4-BE49-F238E27FC236}">
                <a16:creationId xmlns:a16="http://schemas.microsoft.com/office/drawing/2014/main" id="{DD6A81B7-1FEE-46CF-A623-23E99CFEAFBC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8729773" y="1608016"/>
            <a:ext cx="2358243" cy="39087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sz="1600" dirty="0">
                <a:latin typeface="+mn-lt"/>
                <a:cs typeface="Arial" panose="020B0604020202020204" pitchFamily="34" charset="0"/>
              </a:rPr>
              <a:t>HEADER &amp; FOOT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o this at the very end to apply the changes on all slides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</a:t>
            </a: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eader and Footer 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 the </a:t>
            </a: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 (write the desired text)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to All 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r </a:t>
            </a: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f only used on one slide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sz="1600" dirty="0">
                <a:latin typeface="+mn-lt"/>
                <a:cs typeface="Arial" panose="020B0604020202020204" pitchFamily="34" charset="0"/>
              </a:rPr>
              <a:t>GRIDLINES</a:t>
            </a:r>
            <a:endParaRPr lang="en-US" sz="16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ew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 and set tick mark next to </a:t>
            </a: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en-US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 Alt + F9 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quick view of guides</a:t>
            </a:r>
          </a:p>
          <a:p>
            <a:pPr eaLnBrk="1" hangingPunct="1">
              <a:spcAft>
                <a:spcPts val="600"/>
              </a:spcAft>
              <a:defRPr/>
            </a:pPr>
            <a:endParaRPr lang="en-US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sz="1600" dirty="0">
                <a:latin typeface="+mn-lt"/>
                <a:cs typeface="Arial" panose="020B0604020202020204" pitchFamily="34" charset="0"/>
              </a:rPr>
              <a:t>SLIDES &amp; SLIDE ELEMENT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predefined slides and elements from the Templafy button. Choose </a:t>
            </a: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s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 </a:t>
            </a: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 elements 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rom the dropdown menu or from the buttons in the Templafy pane on the right side of the screen</a:t>
            </a:r>
            <a:endParaRPr lang="en-US" alt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65" name="Fast overskrift">
            <a:extLst>
              <a:ext uri="{FF2B5EF4-FFF2-40B4-BE49-F238E27FC236}">
                <a16:creationId xmlns:a16="http://schemas.microsoft.com/office/drawing/2014/main" id="{09C05D50-8477-4113-8B72-9C373B0FF9F9}"/>
              </a:ext>
            </a:extLst>
          </p:cNvPr>
          <p:cNvSpPr txBox="1"/>
          <p:nvPr userDrawn="1"/>
        </p:nvSpPr>
        <p:spPr>
          <a:xfrm>
            <a:off x="539752" y="448713"/>
            <a:ext cx="11109321" cy="650171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lang="en-US" sz="3200" b="0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TIPS &amp; TRICKS - YOUR USER GUIDE</a:t>
            </a:r>
          </a:p>
        </p:txBody>
      </p:sp>
      <p:pic>
        <p:nvPicPr>
          <p:cNvPr id="66" name="Picture 2" descr="C:\Users\MAV~1.SKA\AppData\Local\Temp\SNAGHTMLe48c1e.PNG">
            <a:extLst>
              <a:ext uri="{FF2B5EF4-FFF2-40B4-BE49-F238E27FC236}">
                <a16:creationId xmlns:a16="http://schemas.microsoft.com/office/drawing/2014/main" id="{DAC63350-5850-40BB-87A2-CE01481E0527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266198" y="4635849"/>
            <a:ext cx="650850" cy="9738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5" name="Picture 24">
            <a:extLst>
              <a:ext uri="{FF2B5EF4-FFF2-40B4-BE49-F238E27FC236}">
                <a16:creationId xmlns:a16="http://schemas.microsoft.com/office/drawing/2014/main" id="{6D83AD9C-98AE-450E-B202-15860002D528}"/>
              </a:ext>
            </a:extLst>
          </p:cNvPr>
          <p:cNvPicPr>
            <a:picLocks noChangeAspect="1"/>
          </p:cNvPicPr>
          <p:nvPr userDrawn="1"/>
        </p:nvPicPr>
        <p:blipFill>
          <a:blip r:embed="rId11"/>
          <a:stretch>
            <a:fillRect/>
          </a:stretch>
        </p:blipFill>
        <p:spPr>
          <a:xfrm>
            <a:off x="2866052" y="5077014"/>
            <a:ext cx="475428" cy="176762"/>
          </a:xfrm>
          <a:prstGeom prst="rect">
            <a:avLst/>
          </a:prstGeom>
        </p:spPr>
      </p:pic>
      <p:pic>
        <p:nvPicPr>
          <p:cNvPr id="19" name="Picture 12">
            <a:extLst>
              <a:ext uri="{FF2B5EF4-FFF2-40B4-BE49-F238E27FC236}">
                <a16:creationId xmlns:a16="http://schemas.microsoft.com/office/drawing/2014/main" id="{D59A1415-DF88-48C2-BFBD-2900D34A9A2E}"/>
              </a:ext>
            </a:extLst>
          </p:cNvPr>
          <p:cNvPicPr>
            <a:picLocks noChangeAspect="1"/>
          </p:cNvPicPr>
          <p:nvPr userDrawn="1"/>
        </p:nvPicPr>
        <p:blipFill>
          <a:blip r:embed="rId12"/>
          <a:stretch>
            <a:fillRect/>
          </a:stretch>
        </p:blipFill>
        <p:spPr>
          <a:xfrm>
            <a:off x="11266198" y="2217244"/>
            <a:ext cx="378293" cy="5433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03136193"/>
      </p:ext>
    </p:extLst>
  </p:cSld>
  <p:clrMapOvr>
    <a:masterClrMapping/>
  </p:clrMapOvr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&gt;Do not use layouts after this &gt;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F124504-36FD-4753-851D-5B7D02D4A2D1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1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600"/>
              </a:spcBef>
              <a:buClr>
                <a:srgbClr val="003755"/>
              </a:buClr>
            </a:pPr>
            <a:endParaRPr lang="en-US" sz="1400" dirty="0" err="1">
              <a:solidFill>
                <a:schemeClr val="tx1"/>
              </a:solidFill>
            </a:endParaRPr>
          </a:p>
        </p:txBody>
      </p:sp>
      <p:sp>
        <p:nvSpPr>
          <p:cNvPr id="5" name="Do not use"/>
          <p:cNvSpPr txBox="1"/>
          <p:nvPr userDrawn="1"/>
        </p:nvSpPr>
        <p:spPr>
          <a:xfrm>
            <a:off x="430213" y="656823"/>
            <a:ext cx="11356977" cy="289310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US" sz="4400" b="0" noProof="0" dirty="0">
                <a:solidFill>
                  <a:schemeClr val="bg1"/>
                </a:solidFill>
              </a:rPr>
              <a:t>If you see any </a:t>
            </a:r>
            <a:r>
              <a:rPr lang="en-US" sz="4400" b="1" i="1" noProof="0" dirty="0">
                <a:solidFill>
                  <a:schemeClr val="bg1"/>
                </a:solidFill>
              </a:rPr>
              <a:t>layouts after this </a:t>
            </a:r>
            <a:r>
              <a:rPr lang="en-US" sz="4400" b="0" i="0" noProof="0" dirty="0">
                <a:solidFill>
                  <a:schemeClr val="bg1"/>
                </a:solidFill>
              </a:rPr>
              <a:t>one</a:t>
            </a:r>
            <a:r>
              <a:rPr lang="en-US" sz="4400" b="1" i="1" noProof="0" dirty="0">
                <a:solidFill>
                  <a:schemeClr val="bg1"/>
                </a:solidFill>
              </a:rPr>
              <a:t>,</a:t>
            </a:r>
            <a:br>
              <a:rPr lang="en-US" sz="4400" b="0" i="0" noProof="0" dirty="0">
                <a:solidFill>
                  <a:schemeClr val="bg1"/>
                </a:solidFill>
              </a:rPr>
            </a:br>
            <a:r>
              <a:rPr lang="en-US" sz="4400" b="0" noProof="0" dirty="0">
                <a:solidFill>
                  <a:schemeClr val="bg1"/>
                </a:solidFill>
              </a:rPr>
              <a:t>do not use them. These layouts </a:t>
            </a:r>
            <a:r>
              <a:rPr lang="en-US" sz="4400" b="1" i="1" u="none" noProof="0" dirty="0">
                <a:solidFill>
                  <a:schemeClr val="bg1"/>
                </a:solidFill>
              </a:rPr>
              <a:t>are not </a:t>
            </a:r>
            <a:r>
              <a:rPr lang="en-US" sz="4400" b="0" noProof="0" dirty="0">
                <a:solidFill>
                  <a:schemeClr val="bg1"/>
                </a:solidFill>
              </a:rPr>
              <a:t>part of our corporate template.</a:t>
            </a:r>
            <a:br>
              <a:rPr lang="en-US" sz="2800" b="0" noProof="0" dirty="0">
                <a:solidFill>
                  <a:schemeClr val="bg1"/>
                </a:solidFill>
              </a:rPr>
            </a:br>
            <a:br>
              <a:rPr lang="en-US" sz="2800" b="0" noProof="0" dirty="0">
                <a:solidFill>
                  <a:schemeClr val="bg1"/>
                </a:solidFill>
              </a:rPr>
            </a:br>
            <a:endParaRPr lang="en-US" sz="2800" b="0" noProof="0" dirty="0">
              <a:solidFill>
                <a:schemeClr val="bg1"/>
              </a:solidFill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2BEB5E5A-DA85-4D5B-80B9-F94482F55D76}"/>
              </a:ext>
            </a:extLst>
          </p:cNvPr>
          <p:cNvGrpSpPr/>
          <p:nvPr userDrawn="1"/>
        </p:nvGrpSpPr>
        <p:grpSpPr>
          <a:xfrm rot="8100000">
            <a:off x="10404874" y="3325226"/>
            <a:ext cx="1036788" cy="1036788"/>
            <a:chOff x="6096000" y="4963130"/>
            <a:chExt cx="1456719" cy="1456719"/>
          </a:xfrm>
          <a:solidFill>
            <a:schemeClr val="bg1"/>
          </a:solidFill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C823227E-A862-4A7F-BC20-0D107430AB2C}"/>
                </a:ext>
              </a:extLst>
            </p:cNvPr>
            <p:cNvSpPr/>
            <p:nvPr userDrawn="1"/>
          </p:nvSpPr>
          <p:spPr>
            <a:xfrm rot="5400000">
              <a:off x="5534135" y="5524995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en-US" sz="1400" dirty="0" err="1">
                <a:solidFill>
                  <a:schemeClr val="tx1"/>
                </a:solidFill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08501AE6-6504-4184-9443-E89AFACF769D}"/>
                </a:ext>
              </a:extLst>
            </p:cNvPr>
            <p:cNvSpPr/>
            <p:nvPr userDrawn="1"/>
          </p:nvSpPr>
          <p:spPr>
            <a:xfrm rot="10800000">
              <a:off x="6096000" y="4963130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en-US" sz="1400" dirty="0" err="1">
                <a:solidFill>
                  <a:schemeClr val="tx1"/>
                </a:solidFill>
              </a:endParaRPr>
            </a:p>
          </p:txBody>
        </p: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id="{67CEE09B-6EE1-4BF2-85A3-DE69E91BC4C6}"/>
              </a:ext>
            </a:extLst>
          </p:cNvPr>
          <p:cNvSpPr/>
          <p:nvPr userDrawn="1"/>
        </p:nvSpPr>
        <p:spPr>
          <a:xfrm>
            <a:off x="430213" y="2588374"/>
            <a:ext cx="10152346" cy="221599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3800" b="1" i="1" noProof="0" dirty="0">
                <a:solidFill>
                  <a:schemeClr val="bg1"/>
                </a:solidFill>
              </a:rPr>
              <a:t>Do not use </a:t>
            </a:r>
            <a:endParaRPr lang="en-US" sz="2400" b="1" i="1" dirty="0"/>
          </a:p>
        </p:txBody>
      </p:sp>
      <p:sp>
        <p:nvSpPr>
          <p:cNvPr id="16" name="Do not use">
            <a:extLst>
              <a:ext uri="{FF2B5EF4-FFF2-40B4-BE49-F238E27FC236}">
                <a16:creationId xmlns:a16="http://schemas.microsoft.com/office/drawing/2014/main" id="{A8FA78FA-4D94-4717-B7C6-6F86378D6B01}"/>
              </a:ext>
            </a:extLst>
          </p:cNvPr>
          <p:cNvSpPr txBox="1"/>
          <p:nvPr userDrawn="1"/>
        </p:nvSpPr>
        <p:spPr>
          <a:xfrm>
            <a:off x="430214" y="5186455"/>
            <a:ext cx="11356974" cy="96949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US" sz="2000" b="0" noProof="0" dirty="0">
                <a:solidFill>
                  <a:schemeClr val="bg1"/>
                </a:solidFill>
              </a:rPr>
              <a:t>Due to PowerPoint’s standard Copy/Paste functionality extra undesirable layouts can appear.</a:t>
            </a:r>
          </a:p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US" sz="2000" b="0" noProof="0" dirty="0">
                <a:solidFill>
                  <a:schemeClr val="bg1"/>
                </a:solidFill>
              </a:rPr>
              <a:t>Also notice: Layouts after this might contain potential confidential information.</a:t>
            </a:r>
            <a:br>
              <a:rPr lang="en-US" sz="1800" b="0" noProof="0" dirty="0">
                <a:solidFill>
                  <a:schemeClr val="bg1"/>
                </a:solidFill>
              </a:rPr>
            </a:br>
            <a:endParaRPr lang="en-US" sz="1800" b="0" noProof="0" dirty="0">
              <a:solidFill>
                <a:schemeClr val="bg1"/>
              </a:solidFill>
            </a:endParaRPr>
          </a:p>
        </p:txBody>
      </p:sp>
      <p:sp>
        <p:nvSpPr>
          <p:cNvPr id="9" name="Date Placeholder 2">
            <a:extLst>
              <a:ext uri="{FF2B5EF4-FFF2-40B4-BE49-F238E27FC236}">
                <a16:creationId xmlns:a16="http://schemas.microsoft.com/office/drawing/2014/main" id="{B12B154D-76F1-409D-A798-AA5203EE7F4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75270" y="6432550"/>
            <a:ext cx="2743200" cy="216000"/>
          </a:xfrm>
          <a:prstGeom prst="rect">
            <a:avLst/>
          </a:prstGeom>
        </p:spPr>
        <p:txBody>
          <a:bodyPr vert="horz" lIns="0" tIns="0" rIns="0" bIns="0" rtlCol="0" anchor="ctr"/>
          <a:lstStyle>
            <a:defPPr>
              <a:defRPr lang="en-US"/>
            </a:defPPr>
            <a:lvl1pPr marL="0" algn="l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01CC16F-1C62-447A-91D5-C3D75F6D2ED0}" type="datetime3">
              <a:rPr lang="en-US" smtClean="0"/>
              <a:pPr/>
              <a:t>21 July 2021</a:t>
            </a:fld>
            <a:endParaRPr lang="en-US" dirty="0"/>
          </a:p>
        </p:txBody>
      </p:sp>
      <p:sp>
        <p:nvSpPr>
          <p:cNvPr id="10" name="Footer Placeholder 3">
            <a:extLst>
              <a:ext uri="{FF2B5EF4-FFF2-40B4-BE49-F238E27FC236}">
                <a16:creationId xmlns:a16="http://schemas.microsoft.com/office/drawing/2014/main" id="{7D212C3A-1726-4BC5-8AF1-72D08F6358E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en-US" dirty="0"/>
          </a:p>
        </p:txBody>
      </p:sp>
      <p:sp>
        <p:nvSpPr>
          <p:cNvPr id="11" name="Slide Number Placeholder 4">
            <a:extLst>
              <a:ext uri="{FF2B5EF4-FFF2-40B4-BE49-F238E27FC236}">
                <a16:creationId xmlns:a16="http://schemas.microsoft.com/office/drawing/2014/main" id="{989D5CFC-5012-4F36-B4E7-CE36F67CD2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 flipV="1"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48419724"/>
      </p:ext>
    </p:extLst>
  </p:cSld>
  <p:clrMapOvr>
    <a:masterClrMapping/>
  </p:clrMapOvr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c2bf9965-37f6-46d0-8e6f-b8d97afaa3c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6" name="Picture Placeholder 55">
            <a:extLst>
              <a:ext uri="{FF2B5EF4-FFF2-40B4-BE49-F238E27FC236}">
                <a16:creationId xmlns:a16="http://schemas.microsoft.com/office/drawing/2014/main" id="{F6E30BC1-8BFA-47DB-9F4D-44BD42630377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4" y="2"/>
            <a:ext cx="12191997" cy="4738687"/>
          </a:xfrm>
          <a:custGeom>
            <a:avLst/>
            <a:gdLst>
              <a:gd name="connsiteX0" fmla="*/ 11680484 w 12191997"/>
              <a:gd name="connsiteY0" fmla="*/ 528222 h 4738687"/>
              <a:gd name="connsiteX1" fmla="*/ 11680484 w 12191997"/>
              <a:gd name="connsiteY1" fmla="*/ 690067 h 4738687"/>
              <a:gd name="connsiteX2" fmla="*/ 11778340 w 12191997"/>
              <a:gd name="connsiteY2" fmla="*/ 690067 h 4738687"/>
              <a:gd name="connsiteX3" fmla="*/ 11778340 w 12191997"/>
              <a:gd name="connsiteY3" fmla="*/ 528222 h 4738687"/>
              <a:gd name="connsiteX4" fmla="*/ 11901903 w 12191997"/>
              <a:gd name="connsiteY4" fmla="*/ 528222 h 4738687"/>
              <a:gd name="connsiteX5" fmla="*/ 11788419 w 12191997"/>
              <a:gd name="connsiteY5" fmla="*/ 528562 h 4738687"/>
              <a:gd name="connsiteX6" fmla="*/ 11788419 w 12191997"/>
              <a:gd name="connsiteY6" fmla="*/ 690067 h 4738687"/>
              <a:gd name="connsiteX7" fmla="*/ 11808352 w 12191997"/>
              <a:gd name="connsiteY7" fmla="*/ 690067 h 4738687"/>
              <a:gd name="connsiteX8" fmla="*/ 11916615 w 12191997"/>
              <a:gd name="connsiteY8" fmla="*/ 591757 h 4738687"/>
              <a:gd name="connsiteX9" fmla="*/ 11916627 w 12191997"/>
              <a:gd name="connsiteY9" fmla="*/ 582133 h 4738687"/>
              <a:gd name="connsiteX10" fmla="*/ 11901903 w 12191997"/>
              <a:gd name="connsiteY10" fmla="*/ 528222 h 4738687"/>
              <a:gd name="connsiteX11" fmla="*/ 11100379 w 12191997"/>
              <a:gd name="connsiteY11" fmla="*/ 528222 h 4738687"/>
              <a:gd name="connsiteX12" fmla="*/ 11043071 w 12191997"/>
              <a:gd name="connsiteY12" fmla="*/ 690067 h 4738687"/>
              <a:gd name="connsiteX13" fmla="*/ 11127448 w 12191997"/>
              <a:gd name="connsiteY13" fmla="*/ 690067 h 4738687"/>
              <a:gd name="connsiteX14" fmla="*/ 11151005 w 12191997"/>
              <a:gd name="connsiteY14" fmla="*/ 622565 h 4738687"/>
              <a:gd name="connsiteX15" fmla="*/ 11205029 w 12191997"/>
              <a:gd name="connsiteY15" fmla="*/ 622565 h 4738687"/>
              <a:gd name="connsiteX16" fmla="*/ 11205029 w 12191997"/>
              <a:gd name="connsiteY16" fmla="*/ 528222 h 4738687"/>
              <a:gd name="connsiteX17" fmla="*/ 11215109 w 12191997"/>
              <a:gd name="connsiteY17" fmla="*/ 528222 h 4738687"/>
              <a:gd name="connsiteX18" fmla="*/ 11215109 w 12191997"/>
              <a:gd name="connsiteY18" fmla="*/ 622565 h 4738687"/>
              <a:gd name="connsiteX19" fmla="*/ 11269133 w 12191997"/>
              <a:gd name="connsiteY19" fmla="*/ 622565 h 4738687"/>
              <a:gd name="connsiteX20" fmla="*/ 11292690 w 12191997"/>
              <a:gd name="connsiteY20" fmla="*/ 690067 h 4738687"/>
              <a:gd name="connsiteX21" fmla="*/ 11376954 w 12191997"/>
              <a:gd name="connsiteY21" fmla="*/ 690067 h 4738687"/>
              <a:gd name="connsiteX22" fmla="*/ 11319759 w 12191997"/>
              <a:gd name="connsiteY22" fmla="*/ 528222 h 4738687"/>
              <a:gd name="connsiteX23" fmla="*/ 11625328 w 12191997"/>
              <a:gd name="connsiteY23" fmla="*/ 528222 h 4738687"/>
              <a:gd name="connsiteX24" fmla="*/ 11511957 w 12191997"/>
              <a:gd name="connsiteY24" fmla="*/ 528562 h 4738687"/>
              <a:gd name="connsiteX25" fmla="*/ 11511957 w 12191997"/>
              <a:gd name="connsiteY25" fmla="*/ 690067 h 4738687"/>
              <a:gd name="connsiteX26" fmla="*/ 11531777 w 12191997"/>
              <a:gd name="connsiteY26" fmla="*/ 690067 h 4738687"/>
              <a:gd name="connsiteX27" fmla="*/ 11640040 w 12191997"/>
              <a:gd name="connsiteY27" fmla="*/ 591757 h 4738687"/>
              <a:gd name="connsiteX28" fmla="*/ 11640052 w 12191997"/>
              <a:gd name="connsiteY28" fmla="*/ 582133 h 4738687"/>
              <a:gd name="connsiteX29" fmla="*/ 11625328 w 12191997"/>
              <a:gd name="connsiteY29" fmla="*/ 528222 h 4738687"/>
              <a:gd name="connsiteX30" fmla="*/ 11404023 w 12191997"/>
              <a:gd name="connsiteY30" fmla="*/ 528222 h 4738687"/>
              <a:gd name="connsiteX31" fmla="*/ 11404023 w 12191997"/>
              <a:gd name="connsiteY31" fmla="*/ 690067 h 4738687"/>
              <a:gd name="connsiteX32" fmla="*/ 11501878 w 12191997"/>
              <a:gd name="connsiteY32" fmla="*/ 690067 h 4738687"/>
              <a:gd name="connsiteX33" fmla="*/ 11501878 w 12191997"/>
              <a:gd name="connsiteY33" fmla="*/ 528222 h 4738687"/>
              <a:gd name="connsiteX34" fmla="*/ 9340585 w 12191997"/>
              <a:gd name="connsiteY34" fmla="*/ 417457 h 4738687"/>
              <a:gd name="connsiteX35" fmla="*/ 9399592 w 12191997"/>
              <a:gd name="connsiteY35" fmla="*/ 562539 h 4738687"/>
              <a:gd name="connsiteX36" fmla="*/ 9281465 w 12191997"/>
              <a:gd name="connsiteY36" fmla="*/ 562539 h 4738687"/>
              <a:gd name="connsiteX37" fmla="*/ 9340585 w 12191997"/>
              <a:gd name="connsiteY37" fmla="*/ 417683 h 4738687"/>
              <a:gd name="connsiteX38" fmla="*/ 9932921 w 12191997"/>
              <a:gd name="connsiteY38" fmla="*/ 362639 h 4738687"/>
              <a:gd name="connsiteX39" fmla="*/ 9932921 w 12191997"/>
              <a:gd name="connsiteY39" fmla="*/ 683612 h 4738687"/>
              <a:gd name="connsiteX40" fmla="*/ 10018883 w 12191997"/>
              <a:gd name="connsiteY40" fmla="*/ 683612 h 4738687"/>
              <a:gd name="connsiteX41" fmla="*/ 10018883 w 12191997"/>
              <a:gd name="connsiteY41" fmla="*/ 542606 h 4738687"/>
              <a:gd name="connsiteX42" fmla="*/ 10190808 w 12191997"/>
              <a:gd name="connsiteY42" fmla="*/ 542606 h 4738687"/>
              <a:gd name="connsiteX43" fmla="*/ 10190808 w 12191997"/>
              <a:gd name="connsiteY43" fmla="*/ 683612 h 4738687"/>
              <a:gd name="connsiteX44" fmla="*/ 10275525 w 12191997"/>
              <a:gd name="connsiteY44" fmla="*/ 683612 h 4738687"/>
              <a:gd name="connsiteX45" fmla="*/ 10275525 w 12191997"/>
              <a:gd name="connsiteY45" fmla="*/ 362639 h 4738687"/>
              <a:gd name="connsiteX46" fmla="*/ 10190808 w 12191997"/>
              <a:gd name="connsiteY46" fmla="*/ 362639 h 4738687"/>
              <a:gd name="connsiteX47" fmla="*/ 10190808 w 12191997"/>
              <a:gd name="connsiteY47" fmla="*/ 491527 h 4738687"/>
              <a:gd name="connsiteX48" fmla="*/ 10018883 w 12191997"/>
              <a:gd name="connsiteY48" fmla="*/ 491527 h 4738687"/>
              <a:gd name="connsiteX49" fmla="*/ 10018883 w 12191997"/>
              <a:gd name="connsiteY49" fmla="*/ 362639 h 4738687"/>
              <a:gd name="connsiteX50" fmla="*/ 8866376 w 12191997"/>
              <a:gd name="connsiteY50" fmla="*/ 362639 h 4738687"/>
              <a:gd name="connsiteX51" fmla="*/ 8866376 w 12191997"/>
              <a:gd name="connsiteY51" fmla="*/ 417683 h 4738687"/>
              <a:gd name="connsiteX52" fmla="*/ 8996396 w 12191997"/>
              <a:gd name="connsiteY52" fmla="*/ 417683 h 4738687"/>
              <a:gd name="connsiteX53" fmla="*/ 8996396 w 12191997"/>
              <a:gd name="connsiteY53" fmla="*/ 683612 h 4738687"/>
              <a:gd name="connsiteX54" fmla="*/ 9081225 w 12191997"/>
              <a:gd name="connsiteY54" fmla="*/ 683612 h 4738687"/>
              <a:gd name="connsiteX55" fmla="*/ 9081225 w 12191997"/>
              <a:gd name="connsiteY55" fmla="*/ 417683 h 4738687"/>
              <a:gd name="connsiteX56" fmla="*/ 9211585 w 12191997"/>
              <a:gd name="connsiteY56" fmla="*/ 417683 h 4738687"/>
              <a:gd name="connsiteX57" fmla="*/ 9211585 w 12191997"/>
              <a:gd name="connsiteY57" fmla="*/ 362639 h 4738687"/>
              <a:gd name="connsiteX58" fmla="*/ 9288147 w 12191997"/>
              <a:gd name="connsiteY58" fmla="*/ 362639 h 4738687"/>
              <a:gd name="connsiteX59" fmla="*/ 9137741 w 12191997"/>
              <a:gd name="connsiteY59" fmla="*/ 683612 h 4738687"/>
              <a:gd name="connsiteX60" fmla="*/ 9233104 w 12191997"/>
              <a:gd name="connsiteY60" fmla="*/ 683612 h 4738687"/>
              <a:gd name="connsiteX61" fmla="*/ 9259946 w 12191997"/>
              <a:gd name="connsiteY61" fmla="*/ 615657 h 4738687"/>
              <a:gd name="connsiteX62" fmla="*/ 9419752 w 12191997"/>
              <a:gd name="connsiteY62" fmla="*/ 615657 h 4738687"/>
              <a:gd name="connsiteX63" fmla="*/ 9447953 w 12191997"/>
              <a:gd name="connsiteY63" fmla="*/ 683612 h 4738687"/>
              <a:gd name="connsiteX64" fmla="*/ 9542070 w 12191997"/>
              <a:gd name="connsiteY64" fmla="*/ 683612 h 4738687"/>
              <a:gd name="connsiteX65" fmla="*/ 9391551 w 12191997"/>
              <a:gd name="connsiteY65" fmla="*/ 362639 h 4738687"/>
              <a:gd name="connsiteX66" fmla="*/ 10342687 w 12191997"/>
              <a:gd name="connsiteY66" fmla="*/ 362526 h 4738687"/>
              <a:gd name="connsiteX67" fmla="*/ 10342687 w 12191997"/>
              <a:gd name="connsiteY67" fmla="*/ 683612 h 4738687"/>
              <a:gd name="connsiteX68" fmla="*/ 10427290 w 12191997"/>
              <a:gd name="connsiteY68" fmla="*/ 683612 h 4738687"/>
              <a:gd name="connsiteX69" fmla="*/ 10427290 w 12191997"/>
              <a:gd name="connsiteY69" fmla="*/ 362526 h 4738687"/>
              <a:gd name="connsiteX70" fmla="*/ 8342446 w 12191997"/>
              <a:gd name="connsiteY70" fmla="*/ 362526 h 4738687"/>
              <a:gd name="connsiteX71" fmla="*/ 8342446 w 12191997"/>
              <a:gd name="connsiteY71" fmla="*/ 683612 h 4738687"/>
              <a:gd name="connsiteX72" fmla="*/ 8427049 w 12191997"/>
              <a:gd name="connsiteY72" fmla="*/ 683612 h 4738687"/>
              <a:gd name="connsiteX73" fmla="*/ 8427049 w 12191997"/>
              <a:gd name="connsiteY73" fmla="*/ 542606 h 4738687"/>
              <a:gd name="connsiteX74" fmla="*/ 8598974 w 12191997"/>
              <a:gd name="connsiteY74" fmla="*/ 542606 h 4738687"/>
              <a:gd name="connsiteX75" fmla="*/ 8598974 w 12191997"/>
              <a:gd name="connsiteY75" fmla="*/ 683612 h 4738687"/>
              <a:gd name="connsiteX76" fmla="*/ 8683691 w 12191997"/>
              <a:gd name="connsiteY76" fmla="*/ 683612 h 4738687"/>
              <a:gd name="connsiteX77" fmla="*/ 8683691 w 12191997"/>
              <a:gd name="connsiteY77" fmla="*/ 362526 h 4738687"/>
              <a:gd name="connsiteX78" fmla="*/ 8598974 w 12191997"/>
              <a:gd name="connsiteY78" fmla="*/ 362526 h 4738687"/>
              <a:gd name="connsiteX79" fmla="*/ 8598974 w 12191997"/>
              <a:gd name="connsiteY79" fmla="*/ 491527 h 4738687"/>
              <a:gd name="connsiteX80" fmla="*/ 8427049 w 12191997"/>
              <a:gd name="connsiteY80" fmla="*/ 491527 h 4738687"/>
              <a:gd name="connsiteX81" fmla="*/ 8427049 w 12191997"/>
              <a:gd name="connsiteY81" fmla="*/ 362526 h 4738687"/>
              <a:gd name="connsiteX82" fmla="*/ 8750853 w 12191997"/>
              <a:gd name="connsiteY82" fmla="*/ 362526 h 4738687"/>
              <a:gd name="connsiteX83" fmla="*/ 8750853 w 12191997"/>
              <a:gd name="connsiteY83" fmla="*/ 683612 h 4738687"/>
              <a:gd name="connsiteX84" fmla="*/ 8836815 w 12191997"/>
              <a:gd name="connsiteY84" fmla="*/ 683612 h 4738687"/>
              <a:gd name="connsiteX85" fmla="*/ 8836815 w 12191997"/>
              <a:gd name="connsiteY85" fmla="*/ 362526 h 4738687"/>
              <a:gd name="connsiteX86" fmla="*/ 11788419 w 12191997"/>
              <a:gd name="connsiteY86" fmla="*/ 356184 h 4738687"/>
              <a:gd name="connsiteX87" fmla="*/ 11788419 w 12191997"/>
              <a:gd name="connsiteY87" fmla="*/ 518029 h 4738687"/>
              <a:gd name="connsiteX88" fmla="*/ 11895109 w 12191997"/>
              <a:gd name="connsiteY88" fmla="*/ 518029 h 4738687"/>
              <a:gd name="connsiteX89" fmla="*/ 11855695 w 12191997"/>
              <a:gd name="connsiteY89" fmla="*/ 485184 h 4738687"/>
              <a:gd name="connsiteX90" fmla="*/ 11886275 w 12191997"/>
              <a:gd name="connsiteY90" fmla="*/ 426970 h 4738687"/>
              <a:gd name="connsiteX91" fmla="*/ 11808352 w 12191997"/>
              <a:gd name="connsiteY91" fmla="*/ 356184 h 4738687"/>
              <a:gd name="connsiteX92" fmla="*/ 11680484 w 12191997"/>
              <a:gd name="connsiteY92" fmla="*/ 356184 h 4738687"/>
              <a:gd name="connsiteX93" fmla="*/ 11680484 w 12191997"/>
              <a:gd name="connsiteY93" fmla="*/ 518029 h 4738687"/>
              <a:gd name="connsiteX94" fmla="*/ 11778340 w 12191997"/>
              <a:gd name="connsiteY94" fmla="*/ 518029 h 4738687"/>
              <a:gd name="connsiteX95" fmla="*/ 11778340 w 12191997"/>
              <a:gd name="connsiteY95" fmla="*/ 356184 h 4738687"/>
              <a:gd name="connsiteX96" fmla="*/ 11215109 w 12191997"/>
              <a:gd name="connsiteY96" fmla="*/ 356184 h 4738687"/>
              <a:gd name="connsiteX97" fmla="*/ 11215109 w 12191997"/>
              <a:gd name="connsiteY97" fmla="*/ 518029 h 4738687"/>
              <a:gd name="connsiteX98" fmla="*/ 11316136 w 12191997"/>
              <a:gd name="connsiteY98" fmla="*/ 518029 h 4738687"/>
              <a:gd name="connsiteX99" fmla="*/ 11258940 w 12191997"/>
              <a:gd name="connsiteY99" fmla="*/ 356184 h 4738687"/>
              <a:gd name="connsiteX100" fmla="*/ 11161200 w 12191997"/>
              <a:gd name="connsiteY100" fmla="*/ 356184 h 4738687"/>
              <a:gd name="connsiteX101" fmla="*/ 11103890 w 12191997"/>
              <a:gd name="connsiteY101" fmla="*/ 518029 h 4738687"/>
              <a:gd name="connsiteX102" fmla="*/ 11205030 w 12191997"/>
              <a:gd name="connsiteY102" fmla="*/ 518029 h 4738687"/>
              <a:gd name="connsiteX103" fmla="*/ 11205030 w 12191997"/>
              <a:gd name="connsiteY103" fmla="*/ 356184 h 4738687"/>
              <a:gd name="connsiteX104" fmla="*/ 11404023 w 12191997"/>
              <a:gd name="connsiteY104" fmla="*/ 356184 h 4738687"/>
              <a:gd name="connsiteX105" fmla="*/ 11404023 w 12191997"/>
              <a:gd name="connsiteY105" fmla="*/ 518029 h 4738687"/>
              <a:gd name="connsiteX106" fmla="*/ 11501878 w 12191997"/>
              <a:gd name="connsiteY106" fmla="*/ 518029 h 4738687"/>
              <a:gd name="connsiteX107" fmla="*/ 11501878 w 12191997"/>
              <a:gd name="connsiteY107" fmla="*/ 356184 h 4738687"/>
              <a:gd name="connsiteX108" fmla="*/ 11511957 w 12191997"/>
              <a:gd name="connsiteY108" fmla="*/ 355844 h 4738687"/>
              <a:gd name="connsiteX109" fmla="*/ 11511957 w 12191997"/>
              <a:gd name="connsiteY109" fmla="*/ 518029 h 4738687"/>
              <a:gd name="connsiteX110" fmla="*/ 11618533 w 12191997"/>
              <a:gd name="connsiteY110" fmla="*/ 518029 h 4738687"/>
              <a:gd name="connsiteX111" fmla="*/ 11579233 w 12191997"/>
              <a:gd name="connsiteY111" fmla="*/ 485184 h 4738687"/>
              <a:gd name="connsiteX112" fmla="*/ 11609699 w 12191997"/>
              <a:gd name="connsiteY112" fmla="*/ 426630 h 4738687"/>
              <a:gd name="connsiteX113" fmla="*/ 11531777 w 12191997"/>
              <a:gd name="connsiteY113" fmla="*/ 355844 h 4738687"/>
              <a:gd name="connsiteX114" fmla="*/ 9723643 w 12191997"/>
              <a:gd name="connsiteY114" fmla="*/ 355142 h 4738687"/>
              <a:gd name="connsiteX115" fmla="*/ 9622369 w 12191997"/>
              <a:gd name="connsiteY115" fmla="*/ 372606 h 4738687"/>
              <a:gd name="connsiteX116" fmla="*/ 9549884 w 12191997"/>
              <a:gd name="connsiteY116" fmla="*/ 432972 h 4738687"/>
              <a:gd name="connsiteX117" fmla="*/ 9527233 w 12191997"/>
              <a:gd name="connsiteY117" fmla="*/ 526976 h 4738687"/>
              <a:gd name="connsiteX118" fmla="*/ 9539352 w 12191997"/>
              <a:gd name="connsiteY118" fmla="*/ 594930 h 4738687"/>
              <a:gd name="connsiteX119" fmla="*/ 9538559 w 12191997"/>
              <a:gd name="connsiteY119" fmla="*/ 593911 h 4738687"/>
              <a:gd name="connsiteX120" fmla="*/ 9629844 w 12191997"/>
              <a:gd name="connsiteY120" fmla="*/ 677268 h 4738687"/>
              <a:gd name="connsiteX121" fmla="*/ 9715920 w 12191997"/>
              <a:gd name="connsiteY121" fmla="*/ 690633 h 4738687"/>
              <a:gd name="connsiteX122" fmla="*/ 9826006 w 12191997"/>
              <a:gd name="connsiteY122" fmla="*/ 667981 h 4738687"/>
              <a:gd name="connsiteX123" fmla="*/ 9885127 w 12191997"/>
              <a:gd name="connsiteY123" fmla="*/ 598101 h 4738687"/>
              <a:gd name="connsiteX124" fmla="*/ 9889204 w 12191997"/>
              <a:gd name="connsiteY124" fmla="*/ 567182 h 4738687"/>
              <a:gd name="connsiteX125" fmla="*/ 9798598 w 12191997"/>
              <a:gd name="connsiteY125" fmla="*/ 567182 h 4738687"/>
              <a:gd name="connsiteX126" fmla="*/ 9791916 w 12191997"/>
              <a:gd name="connsiteY126" fmla="*/ 601159 h 4738687"/>
              <a:gd name="connsiteX127" fmla="*/ 9754201 w 12191997"/>
              <a:gd name="connsiteY127" fmla="*/ 635136 h 4738687"/>
              <a:gd name="connsiteX128" fmla="*/ 9715354 w 12191997"/>
              <a:gd name="connsiteY128" fmla="*/ 641932 h 4738687"/>
              <a:gd name="connsiteX129" fmla="*/ 9670051 w 12191997"/>
              <a:gd name="connsiteY129" fmla="*/ 633777 h 4738687"/>
              <a:gd name="connsiteX130" fmla="*/ 9624748 w 12191997"/>
              <a:gd name="connsiteY130" fmla="*/ 582811 h 4738687"/>
              <a:gd name="connsiteX131" fmla="*/ 9616706 w 12191997"/>
              <a:gd name="connsiteY131" fmla="*/ 526183 h 4738687"/>
              <a:gd name="connsiteX132" fmla="*/ 9628032 w 12191997"/>
              <a:gd name="connsiteY132" fmla="*/ 459021 h 4738687"/>
              <a:gd name="connsiteX133" fmla="*/ 9675034 w 12191997"/>
              <a:gd name="connsiteY133" fmla="*/ 412019 h 4738687"/>
              <a:gd name="connsiteX134" fmla="*/ 9716713 w 12191997"/>
              <a:gd name="connsiteY134" fmla="*/ 403978 h 4738687"/>
              <a:gd name="connsiteX135" fmla="*/ 9754088 w 12191997"/>
              <a:gd name="connsiteY135" fmla="*/ 410207 h 4738687"/>
              <a:gd name="connsiteX136" fmla="*/ 9794294 w 12191997"/>
              <a:gd name="connsiteY136" fmla="*/ 447809 h 4738687"/>
              <a:gd name="connsiteX137" fmla="*/ 9798371 w 12191997"/>
              <a:gd name="connsiteY137" fmla="*/ 471932 h 4738687"/>
              <a:gd name="connsiteX138" fmla="*/ 9888411 w 12191997"/>
              <a:gd name="connsiteY138" fmla="*/ 471932 h 4738687"/>
              <a:gd name="connsiteX139" fmla="*/ 9884334 w 12191997"/>
              <a:gd name="connsiteY139" fmla="*/ 451773 h 4738687"/>
              <a:gd name="connsiteX140" fmla="*/ 9823854 w 12191997"/>
              <a:gd name="connsiteY140" fmla="*/ 377929 h 4738687"/>
              <a:gd name="connsiteX141" fmla="*/ 9723643 w 12191997"/>
              <a:gd name="connsiteY141" fmla="*/ 355142 h 4738687"/>
              <a:gd name="connsiteX142" fmla="*/ 0 w 12191997"/>
              <a:gd name="connsiteY142" fmla="*/ 0 h 4738687"/>
              <a:gd name="connsiteX143" fmla="*/ 12191997 w 12191997"/>
              <a:gd name="connsiteY143" fmla="*/ 0 h 4738687"/>
              <a:gd name="connsiteX144" fmla="*/ 12191997 w 12191997"/>
              <a:gd name="connsiteY144" fmla="*/ 4738687 h 4738687"/>
              <a:gd name="connsiteX145" fmla="*/ 0 w 12191997"/>
              <a:gd name="connsiteY145" fmla="*/ 4738687 h 473868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</a:cxnLst>
            <a:rect l="l" t="t" r="r" b="b"/>
            <a:pathLst>
              <a:path w="12191997" h="4738687">
                <a:moveTo>
                  <a:pt x="11680484" y="528222"/>
                </a:moveTo>
                <a:lnTo>
                  <a:pt x="11680484" y="690067"/>
                </a:lnTo>
                <a:lnTo>
                  <a:pt x="11778340" y="690067"/>
                </a:lnTo>
                <a:lnTo>
                  <a:pt x="11778340" y="528222"/>
                </a:lnTo>
                <a:close/>
                <a:moveTo>
                  <a:pt x="11901903" y="528222"/>
                </a:moveTo>
                <a:lnTo>
                  <a:pt x="11788419" y="528562"/>
                </a:lnTo>
                <a:lnTo>
                  <a:pt x="11788419" y="690067"/>
                </a:lnTo>
                <a:lnTo>
                  <a:pt x="11808352" y="690067"/>
                </a:lnTo>
                <a:cubicBezTo>
                  <a:pt x="11865400" y="692814"/>
                  <a:pt x="11913863" y="648799"/>
                  <a:pt x="11916615" y="591757"/>
                </a:cubicBezTo>
                <a:cubicBezTo>
                  <a:pt x="11916762" y="588551"/>
                  <a:pt x="11916774" y="585339"/>
                  <a:pt x="11916627" y="582133"/>
                </a:cubicBezTo>
                <a:cubicBezTo>
                  <a:pt x="11916559" y="563178"/>
                  <a:pt x="11911485" y="544577"/>
                  <a:pt x="11901903" y="528222"/>
                </a:cubicBezTo>
                <a:close/>
                <a:moveTo>
                  <a:pt x="11100379" y="528222"/>
                </a:moveTo>
                <a:lnTo>
                  <a:pt x="11043071" y="690067"/>
                </a:lnTo>
                <a:lnTo>
                  <a:pt x="11127448" y="690067"/>
                </a:lnTo>
                <a:lnTo>
                  <a:pt x="11151005" y="622565"/>
                </a:lnTo>
                <a:lnTo>
                  <a:pt x="11205029" y="622565"/>
                </a:lnTo>
                <a:lnTo>
                  <a:pt x="11205029" y="528222"/>
                </a:lnTo>
                <a:close/>
                <a:moveTo>
                  <a:pt x="11215109" y="528222"/>
                </a:moveTo>
                <a:lnTo>
                  <a:pt x="11215109" y="622565"/>
                </a:lnTo>
                <a:lnTo>
                  <a:pt x="11269133" y="622565"/>
                </a:lnTo>
                <a:lnTo>
                  <a:pt x="11292690" y="690067"/>
                </a:lnTo>
                <a:lnTo>
                  <a:pt x="11376954" y="690067"/>
                </a:lnTo>
                <a:lnTo>
                  <a:pt x="11319759" y="528222"/>
                </a:lnTo>
                <a:close/>
                <a:moveTo>
                  <a:pt x="11625328" y="528222"/>
                </a:moveTo>
                <a:lnTo>
                  <a:pt x="11511957" y="528562"/>
                </a:lnTo>
                <a:lnTo>
                  <a:pt x="11511957" y="690067"/>
                </a:lnTo>
                <a:lnTo>
                  <a:pt x="11531777" y="690067"/>
                </a:lnTo>
                <a:cubicBezTo>
                  <a:pt x="11588825" y="692814"/>
                  <a:pt x="11637288" y="648799"/>
                  <a:pt x="11640040" y="591757"/>
                </a:cubicBezTo>
                <a:cubicBezTo>
                  <a:pt x="11640187" y="588551"/>
                  <a:pt x="11640199" y="585339"/>
                  <a:pt x="11640052" y="582133"/>
                </a:cubicBezTo>
                <a:cubicBezTo>
                  <a:pt x="11640040" y="563170"/>
                  <a:pt x="11634955" y="544556"/>
                  <a:pt x="11625328" y="528222"/>
                </a:cubicBezTo>
                <a:close/>
                <a:moveTo>
                  <a:pt x="11404023" y="528222"/>
                </a:moveTo>
                <a:lnTo>
                  <a:pt x="11404023" y="690067"/>
                </a:lnTo>
                <a:lnTo>
                  <a:pt x="11501878" y="690067"/>
                </a:lnTo>
                <a:lnTo>
                  <a:pt x="11501878" y="528222"/>
                </a:lnTo>
                <a:close/>
                <a:moveTo>
                  <a:pt x="9340585" y="417457"/>
                </a:moveTo>
                <a:lnTo>
                  <a:pt x="9399592" y="562539"/>
                </a:lnTo>
                <a:lnTo>
                  <a:pt x="9281465" y="562539"/>
                </a:lnTo>
                <a:lnTo>
                  <a:pt x="9340585" y="417683"/>
                </a:lnTo>
                <a:close/>
                <a:moveTo>
                  <a:pt x="9932921" y="362639"/>
                </a:moveTo>
                <a:cubicBezTo>
                  <a:pt x="9934280" y="362639"/>
                  <a:pt x="9932921" y="683612"/>
                  <a:pt x="9932921" y="683612"/>
                </a:cubicBezTo>
                <a:lnTo>
                  <a:pt x="10018883" y="683612"/>
                </a:lnTo>
                <a:lnTo>
                  <a:pt x="10018883" y="542606"/>
                </a:lnTo>
                <a:lnTo>
                  <a:pt x="10190808" y="542606"/>
                </a:lnTo>
                <a:lnTo>
                  <a:pt x="10190808" y="683612"/>
                </a:lnTo>
                <a:lnTo>
                  <a:pt x="10275525" y="683612"/>
                </a:lnTo>
                <a:lnTo>
                  <a:pt x="10275525" y="362639"/>
                </a:lnTo>
                <a:lnTo>
                  <a:pt x="10190808" y="362639"/>
                </a:lnTo>
                <a:cubicBezTo>
                  <a:pt x="10189449" y="362639"/>
                  <a:pt x="10190808" y="491527"/>
                  <a:pt x="10190808" y="491527"/>
                </a:cubicBezTo>
                <a:lnTo>
                  <a:pt x="10018883" y="491527"/>
                </a:lnTo>
                <a:lnTo>
                  <a:pt x="10018883" y="362639"/>
                </a:lnTo>
                <a:close/>
                <a:moveTo>
                  <a:pt x="8866376" y="362639"/>
                </a:moveTo>
                <a:lnTo>
                  <a:pt x="8866376" y="417683"/>
                </a:lnTo>
                <a:lnTo>
                  <a:pt x="8996396" y="417683"/>
                </a:lnTo>
                <a:lnTo>
                  <a:pt x="8996396" y="683612"/>
                </a:lnTo>
                <a:lnTo>
                  <a:pt x="9081225" y="683612"/>
                </a:lnTo>
                <a:lnTo>
                  <a:pt x="9081225" y="417683"/>
                </a:lnTo>
                <a:lnTo>
                  <a:pt x="9211585" y="417683"/>
                </a:lnTo>
                <a:lnTo>
                  <a:pt x="9211585" y="362639"/>
                </a:lnTo>
                <a:close/>
                <a:moveTo>
                  <a:pt x="9288147" y="362639"/>
                </a:moveTo>
                <a:lnTo>
                  <a:pt x="9137741" y="683612"/>
                </a:lnTo>
                <a:lnTo>
                  <a:pt x="9233104" y="683612"/>
                </a:lnTo>
                <a:lnTo>
                  <a:pt x="9259946" y="615657"/>
                </a:lnTo>
                <a:lnTo>
                  <a:pt x="9419752" y="615657"/>
                </a:lnTo>
                <a:lnTo>
                  <a:pt x="9447953" y="683612"/>
                </a:lnTo>
                <a:lnTo>
                  <a:pt x="9542070" y="683612"/>
                </a:lnTo>
                <a:lnTo>
                  <a:pt x="9391551" y="362639"/>
                </a:lnTo>
                <a:close/>
                <a:moveTo>
                  <a:pt x="10342687" y="362526"/>
                </a:moveTo>
                <a:lnTo>
                  <a:pt x="10342687" y="683612"/>
                </a:lnTo>
                <a:lnTo>
                  <a:pt x="10427290" y="683612"/>
                </a:lnTo>
                <a:lnTo>
                  <a:pt x="10427290" y="362526"/>
                </a:lnTo>
                <a:close/>
                <a:moveTo>
                  <a:pt x="8342446" y="362526"/>
                </a:moveTo>
                <a:lnTo>
                  <a:pt x="8342446" y="683612"/>
                </a:lnTo>
                <a:lnTo>
                  <a:pt x="8427049" y="683612"/>
                </a:lnTo>
                <a:lnTo>
                  <a:pt x="8427049" y="542606"/>
                </a:lnTo>
                <a:lnTo>
                  <a:pt x="8598974" y="542606"/>
                </a:lnTo>
                <a:lnTo>
                  <a:pt x="8598974" y="683612"/>
                </a:lnTo>
                <a:lnTo>
                  <a:pt x="8683691" y="683612"/>
                </a:lnTo>
                <a:lnTo>
                  <a:pt x="8683691" y="362526"/>
                </a:lnTo>
                <a:lnTo>
                  <a:pt x="8598974" y="362526"/>
                </a:lnTo>
                <a:lnTo>
                  <a:pt x="8598974" y="491527"/>
                </a:lnTo>
                <a:lnTo>
                  <a:pt x="8427049" y="491527"/>
                </a:lnTo>
                <a:lnTo>
                  <a:pt x="8427049" y="362526"/>
                </a:lnTo>
                <a:close/>
                <a:moveTo>
                  <a:pt x="8750853" y="362526"/>
                </a:moveTo>
                <a:lnTo>
                  <a:pt x="8750853" y="683612"/>
                </a:lnTo>
                <a:lnTo>
                  <a:pt x="8836815" y="683612"/>
                </a:lnTo>
                <a:lnTo>
                  <a:pt x="8836815" y="362526"/>
                </a:lnTo>
                <a:close/>
                <a:moveTo>
                  <a:pt x="11788419" y="356184"/>
                </a:moveTo>
                <a:lnTo>
                  <a:pt x="11788419" y="518029"/>
                </a:lnTo>
                <a:lnTo>
                  <a:pt x="11895109" y="518029"/>
                </a:lnTo>
                <a:cubicBezTo>
                  <a:pt x="11884814" y="504065"/>
                  <a:pt x="11871291" y="492797"/>
                  <a:pt x="11855695" y="485184"/>
                </a:cubicBezTo>
                <a:cubicBezTo>
                  <a:pt x="11874824" y="471978"/>
                  <a:pt x="11886263" y="450219"/>
                  <a:pt x="11886275" y="426970"/>
                </a:cubicBezTo>
                <a:cubicBezTo>
                  <a:pt x="11886275" y="386650"/>
                  <a:pt x="11858753" y="356184"/>
                  <a:pt x="11808352" y="356184"/>
                </a:cubicBezTo>
                <a:close/>
                <a:moveTo>
                  <a:pt x="11680484" y="356184"/>
                </a:moveTo>
                <a:lnTo>
                  <a:pt x="11680484" y="518029"/>
                </a:lnTo>
                <a:lnTo>
                  <a:pt x="11778340" y="518029"/>
                </a:lnTo>
                <a:lnTo>
                  <a:pt x="11778340" y="356184"/>
                </a:lnTo>
                <a:close/>
                <a:moveTo>
                  <a:pt x="11215109" y="356184"/>
                </a:moveTo>
                <a:lnTo>
                  <a:pt x="11215109" y="518029"/>
                </a:lnTo>
                <a:lnTo>
                  <a:pt x="11316136" y="518029"/>
                </a:lnTo>
                <a:lnTo>
                  <a:pt x="11258940" y="356184"/>
                </a:lnTo>
                <a:close/>
                <a:moveTo>
                  <a:pt x="11161200" y="356184"/>
                </a:moveTo>
                <a:lnTo>
                  <a:pt x="11103890" y="518029"/>
                </a:lnTo>
                <a:lnTo>
                  <a:pt x="11205030" y="518029"/>
                </a:lnTo>
                <a:lnTo>
                  <a:pt x="11205030" y="356184"/>
                </a:lnTo>
                <a:close/>
                <a:moveTo>
                  <a:pt x="11404023" y="356184"/>
                </a:moveTo>
                <a:lnTo>
                  <a:pt x="11404023" y="518029"/>
                </a:lnTo>
                <a:lnTo>
                  <a:pt x="11501878" y="518029"/>
                </a:lnTo>
                <a:lnTo>
                  <a:pt x="11501878" y="356184"/>
                </a:lnTo>
                <a:close/>
                <a:moveTo>
                  <a:pt x="11511957" y="355844"/>
                </a:moveTo>
                <a:lnTo>
                  <a:pt x="11511957" y="518029"/>
                </a:lnTo>
                <a:lnTo>
                  <a:pt x="11618533" y="518029"/>
                </a:lnTo>
                <a:cubicBezTo>
                  <a:pt x="11608250" y="504095"/>
                  <a:pt x="11594772" y="492831"/>
                  <a:pt x="11579233" y="485184"/>
                </a:cubicBezTo>
                <a:cubicBezTo>
                  <a:pt x="11598408" y="471872"/>
                  <a:pt x="11609801" y="449973"/>
                  <a:pt x="11609699" y="426630"/>
                </a:cubicBezTo>
                <a:cubicBezTo>
                  <a:pt x="11609699" y="386310"/>
                  <a:pt x="11582291" y="355844"/>
                  <a:pt x="11531777" y="355844"/>
                </a:cubicBezTo>
                <a:close/>
                <a:moveTo>
                  <a:pt x="9723643" y="355142"/>
                </a:moveTo>
                <a:cubicBezTo>
                  <a:pt x="9689392" y="354238"/>
                  <a:pt x="9654964" y="360041"/>
                  <a:pt x="9622369" y="372606"/>
                </a:cubicBezTo>
                <a:cubicBezTo>
                  <a:pt x="9592186" y="384144"/>
                  <a:pt x="9566692" y="405378"/>
                  <a:pt x="9549884" y="432972"/>
                </a:cubicBezTo>
                <a:cubicBezTo>
                  <a:pt x="9534210" y="461774"/>
                  <a:pt x="9526395" y="494195"/>
                  <a:pt x="9527233" y="526976"/>
                </a:cubicBezTo>
                <a:cubicBezTo>
                  <a:pt x="9527165" y="550171"/>
                  <a:pt x="9531276" y="573188"/>
                  <a:pt x="9539352" y="594930"/>
                </a:cubicBezTo>
                <a:lnTo>
                  <a:pt x="9538559" y="593911"/>
                </a:lnTo>
                <a:cubicBezTo>
                  <a:pt x="9552036" y="634230"/>
                  <a:pt x="9588279" y="663791"/>
                  <a:pt x="9629844" y="677268"/>
                </a:cubicBezTo>
                <a:cubicBezTo>
                  <a:pt x="9657751" y="685825"/>
                  <a:pt x="9686734" y="690326"/>
                  <a:pt x="9715920" y="690633"/>
                </a:cubicBezTo>
                <a:cubicBezTo>
                  <a:pt x="9753782" y="690751"/>
                  <a:pt x="9791270" y="683040"/>
                  <a:pt x="9826006" y="667981"/>
                </a:cubicBezTo>
                <a:cubicBezTo>
                  <a:pt x="9855544" y="655197"/>
                  <a:pt x="9877414" y="629348"/>
                  <a:pt x="9885127" y="598101"/>
                </a:cubicBezTo>
                <a:cubicBezTo>
                  <a:pt x="9887811" y="588015"/>
                  <a:pt x="9889181" y="577621"/>
                  <a:pt x="9889204" y="567182"/>
                </a:cubicBezTo>
                <a:lnTo>
                  <a:pt x="9798598" y="567182"/>
                </a:lnTo>
                <a:cubicBezTo>
                  <a:pt x="9799289" y="578891"/>
                  <a:pt x="9796990" y="590583"/>
                  <a:pt x="9791916" y="601159"/>
                </a:cubicBezTo>
                <a:cubicBezTo>
                  <a:pt x="9785143" y="617619"/>
                  <a:pt x="9771280" y="630117"/>
                  <a:pt x="9754201" y="635136"/>
                </a:cubicBezTo>
                <a:cubicBezTo>
                  <a:pt x="9741697" y="639480"/>
                  <a:pt x="9728582" y="641774"/>
                  <a:pt x="9715354" y="641932"/>
                </a:cubicBezTo>
                <a:cubicBezTo>
                  <a:pt x="9699951" y="641282"/>
                  <a:pt x="9684717" y="638539"/>
                  <a:pt x="9670051" y="633777"/>
                </a:cubicBezTo>
                <a:cubicBezTo>
                  <a:pt x="9648260" y="624183"/>
                  <a:pt x="9631724" y="605578"/>
                  <a:pt x="9624748" y="582811"/>
                </a:cubicBezTo>
                <a:cubicBezTo>
                  <a:pt x="9619459" y="564399"/>
                  <a:pt x="9616752" y="545340"/>
                  <a:pt x="9616706" y="526183"/>
                </a:cubicBezTo>
                <a:cubicBezTo>
                  <a:pt x="9616831" y="503331"/>
                  <a:pt x="9620648" y="480649"/>
                  <a:pt x="9628032" y="459021"/>
                </a:cubicBezTo>
                <a:cubicBezTo>
                  <a:pt x="9635473" y="436857"/>
                  <a:pt x="9652869" y="419460"/>
                  <a:pt x="9675034" y="412019"/>
                </a:cubicBezTo>
                <a:cubicBezTo>
                  <a:pt x="9688274" y="406660"/>
                  <a:pt x="9702431" y="403929"/>
                  <a:pt x="9716713" y="403978"/>
                </a:cubicBezTo>
                <a:cubicBezTo>
                  <a:pt x="9729364" y="404639"/>
                  <a:pt x="9741901" y="406729"/>
                  <a:pt x="9754088" y="410207"/>
                </a:cubicBezTo>
                <a:cubicBezTo>
                  <a:pt x="9772356" y="416237"/>
                  <a:pt x="9787057" y="429984"/>
                  <a:pt x="9794294" y="447809"/>
                </a:cubicBezTo>
                <a:cubicBezTo>
                  <a:pt x="9796967" y="455572"/>
                  <a:pt x="9798337" y="463722"/>
                  <a:pt x="9798371" y="471932"/>
                </a:cubicBezTo>
                <a:lnTo>
                  <a:pt x="9888411" y="471932"/>
                </a:lnTo>
                <a:lnTo>
                  <a:pt x="9884334" y="451773"/>
                </a:lnTo>
                <a:cubicBezTo>
                  <a:pt x="9877652" y="418657"/>
                  <a:pt x="9855000" y="391001"/>
                  <a:pt x="9823854" y="377929"/>
                </a:cubicBezTo>
                <a:cubicBezTo>
                  <a:pt x="9791967" y="363661"/>
                  <a:pt x="9757893" y="356047"/>
                  <a:pt x="9723643" y="355142"/>
                </a:cubicBezTo>
                <a:close/>
                <a:moveTo>
                  <a:pt x="0" y="0"/>
                </a:moveTo>
                <a:lnTo>
                  <a:pt x="12191997" y="0"/>
                </a:lnTo>
                <a:lnTo>
                  <a:pt x="12191997" y="4738687"/>
                </a:lnTo>
                <a:lnTo>
                  <a:pt x="0" y="4738687"/>
                </a:lnTo>
                <a:close/>
              </a:path>
            </a:pathLst>
          </a:custGeom>
          <a:noFill/>
        </p:spPr>
        <p:txBody>
          <a:bodyPr wrap="square" tIns="900000" anchor="ctr">
            <a:noAutofit/>
          </a:bodyPr>
          <a:lstStyle>
            <a:lvl1pPr algn="ctr">
              <a:defRPr sz="2000">
                <a:solidFill>
                  <a:schemeClr val="accent4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grpSp>
        <p:nvGrpSpPr>
          <p:cNvPr id="16" name="グループ化 39">
            <a:extLst>
              <a:ext uri="{FF2B5EF4-FFF2-40B4-BE49-F238E27FC236}">
                <a16:creationId xmlns:a16="http://schemas.microsoft.com/office/drawing/2014/main" id="{6809A62B-C3B4-4040-AF1D-DC2BF3BDB821}"/>
              </a:ext>
            </a:extLst>
          </p:cNvPr>
          <p:cNvGrpSpPr/>
          <p:nvPr userDrawn="1"/>
        </p:nvGrpSpPr>
        <p:grpSpPr bwMode="gray">
          <a:xfrm>
            <a:off x="0" y="4739176"/>
            <a:ext cx="12192000" cy="129984"/>
            <a:chOff x="324487" y="2057426"/>
            <a:chExt cx="8495663" cy="97488"/>
          </a:xfrm>
        </p:grpSpPr>
        <p:sp>
          <p:nvSpPr>
            <p:cNvPr id="17" name="正方形/長方形 11">
              <a:extLst>
                <a:ext uri="{FF2B5EF4-FFF2-40B4-BE49-F238E27FC236}">
                  <a16:creationId xmlns:a16="http://schemas.microsoft.com/office/drawing/2014/main" id="{DE7BDB25-5A30-4A34-ABFC-B07249D3BFFA}"/>
                </a:ext>
              </a:extLst>
            </p:cNvPr>
            <p:cNvSpPr>
              <a:spLocks noChangeArrowheads="1"/>
            </p:cNvSpPr>
            <p:nvPr/>
          </p:nvSpPr>
          <p:spPr bwMode="gray">
            <a:xfrm>
              <a:off x="324489" y="2057426"/>
              <a:ext cx="8495661" cy="97488"/>
            </a:xfrm>
            <a:prstGeom prst="rect">
              <a:avLst/>
            </a:prstGeom>
            <a:solidFill>
              <a:srgbClr val="73737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US" altLang="ja-JP" sz="4623" dirty="0"/>
            </a:p>
          </p:txBody>
        </p:sp>
        <p:grpSp>
          <p:nvGrpSpPr>
            <p:cNvPr id="18" name="グループ化 16">
              <a:extLst>
                <a:ext uri="{FF2B5EF4-FFF2-40B4-BE49-F238E27FC236}">
                  <a16:creationId xmlns:a16="http://schemas.microsoft.com/office/drawing/2014/main" id="{74096499-38D4-462C-8826-1DB8FC711C1A}"/>
                </a:ext>
              </a:extLst>
            </p:cNvPr>
            <p:cNvGrpSpPr/>
            <p:nvPr/>
          </p:nvGrpSpPr>
          <p:grpSpPr bwMode="gray">
            <a:xfrm>
              <a:off x="324487" y="2057426"/>
              <a:ext cx="1938812" cy="97488"/>
              <a:chOff x="312738" y="2747963"/>
              <a:chExt cx="1970087" cy="109537"/>
            </a:xfrm>
          </p:grpSpPr>
          <p:sp>
            <p:nvSpPr>
              <p:cNvPr id="19" name="正方形/長方形 42">
                <a:extLst>
                  <a:ext uri="{FF2B5EF4-FFF2-40B4-BE49-F238E27FC236}">
                    <a16:creationId xmlns:a16="http://schemas.microsoft.com/office/drawing/2014/main" id="{177D7250-BABC-4571-82D6-043E996D9DB0}"/>
                  </a:ext>
                </a:extLst>
              </p:cNvPr>
              <p:cNvSpPr/>
              <p:nvPr/>
            </p:nvSpPr>
            <p:spPr bwMode="gray">
              <a:xfrm>
                <a:off x="312738" y="2747963"/>
                <a:ext cx="1970087" cy="109537"/>
              </a:xfrm>
              <a:prstGeom prst="rect">
                <a:avLst/>
              </a:prstGeom>
              <a:solidFill>
                <a:srgbClr val="FF0026"/>
              </a:solidFill>
              <a:ln w="9525">
                <a:noFill/>
                <a:miter lim="800000"/>
                <a:headEnd/>
                <a:tailEnd/>
              </a:ln>
              <a:effectLst/>
            </p:spPr>
            <p:txBody>
              <a:bodyPr wrap="none" anchor="ctr"/>
              <a:lstStyle/>
              <a:p>
                <a:pPr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kumimoji="0" lang="en-US" altLang="ja-JP" sz="2400" kern="0" dirty="0">
                  <a:solidFill>
                    <a:sysClr val="windowText" lastClr="000000"/>
                  </a:solidFill>
                </a:endParaRPr>
              </a:p>
            </p:txBody>
          </p:sp>
          <p:sp>
            <p:nvSpPr>
              <p:cNvPr id="20" name="正方形/長方形 43">
                <a:extLst>
                  <a:ext uri="{FF2B5EF4-FFF2-40B4-BE49-F238E27FC236}">
                    <a16:creationId xmlns:a16="http://schemas.microsoft.com/office/drawing/2014/main" id="{BFDA5A74-11DA-4E7F-9508-F12960D3B74E}"/>
                  </a:ext>
                </a:extLst>
              </p:cNvPr>
              <p:cNvSpPr/>
              <p:nvPr/>
            </p:nvSpPr>
            <p:spPr bwMode="gray">
              <a:xfrm>
                <a:off x="312738" y="2747963"/>
                <a:ext cx="985837" cy="109537"/>
              </a:xfrm>
              <a:prstGeom prst="rect">
                <a:avLst/>
              </a:prstGeom>
              <a:solidFill>
                <a:srgbClr val="B3B3B3"/>
              </a:solidFill>
              <a:ln w="9525">
                <a:noFill/>
                <a:miter lim="800000"/>
                <a:headEnd/>
                <a:tailEnd/>
              </a:ln>
              <a:effectLst/>
            </p:spPr>
            <p:txBody>
              <a:bodyPr wrap="none" anchor="ctr"/>
              <a:lstStyle/>
              <a:p>
                <a:pPr algn="l"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kumimoji="0" lang="en-US" altLang="ja-JP" sz="2400" kern="0" dirty="0">
                  <a:solidFill>
                    <a:sysClr val="windowText" lastClr="000000"/>
                  </a:solidFill>
                </a:endParaRPr>
              </a:p>
            </p:txBody>
          </p:sp>
        </p:grpSp>
      </p:grpSp>
      <p:pic>
        <p:nvPicPr>
          <p:cNvPr id="58" name="Graphic 57">
            <a:extLst>
              <a:ext uri="{FF2B5EF4-FFF2-40B4-BE49-F238E27FC236}">
                <a16:creationId xmlns:a16="http://schemas.microsoft.com/office/drawing/2014/main" id="{87CED3B0-7818-48A4-B9A0-D2FA09E0AF0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8101664" y="41555"/>
            <a:ext cx="4054618" cy="962688"/>
          </a:xfrm>
          <a:prstGeom prst="rect">
            <a:avLst/>
          </a:prstGeom>
        </p:spPr>
      </p:pic>
      <p:sp>
        <p:nvSpPr>
          <p:cNvPr id="15" name="TextBox 14">
            <a:extLst>
              <a:ext uri="{FF2B5EF4-FFF2-40B4-BE49-F238E27FC236}">
                <a16:creationId xmlns:a16="http://schemas.microsoft.com/office/drawing/2014/main" id="{2C9385B2-CD2A-4812-9A01-A693DDBC15A1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  <p:sp>
        <p:nvSpPr>
          <p:cNvPr id="27" name="Footer Placeholder 4">
            <a:extLst>
              <a:ext uri="{FF2B5EF4-FFF2-40B4-BE49-F238E27FC236}">
                <a16:creationId xmlns:a16="http://schemas.microsoft.com/office/drawing/2014/main" id="{B7F2E0A4-3CB6-416D-ADC4-4C7496CC946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28" name="Slide Number Placeholder 5">
            <a:extLst>
              <a:ext uri="{FF2B5EF4-FFF2-40B4-BE49-F238E27FC236}">
                <a16:creationId xmlns:a16="http://schemas.microsoft.com/office/drawing/2014/main" id="{27C55999-B301-4D4D-A96E-5C9CA066EC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C24EC536-6FE3-4540-8D85-74C58F0BF697}" type="slidenum">
              <a:rPr lang="en-US"/>
              <a:pPr/>
              <a:t>‹#›</a:t>
            </a:fld>
            <a:endParaRPr lang="en-US" dirty="0"/>
          </a:p>
        </p:txBody>
      </p:sp>
      <p:sp>
        <p:nvSpPr>
          <p:cNvPr id="3" name="text" descr="{&#10; &quot;SkabelonDesign&quot;: {&#10; &quot;textualValue&quot;: &quot;&lt;key1/&gt;&quot;,&#10; &quot;bindingCollection&quot;: {&#10; &quot;key1&quot;: {&quot;SkabelonDesign&quot;:{&quot;type&quot;:&quot;Text&quot;,&quot;binding&quot;:&quot;Copyright&quot;}}&#10; }&#10; }&#10;}">
            <a:extLst>
              <a:ext uri="{FF2B5EF4-FFF2-40B4-BE49-F238E27FC236}">
                <a16:creationId xmlns:a16="http://schemas.microsoft.com/office/drawing/2014/main" id="{CC04AA69-D16D-4C3C-BBAC-042383626835}"/>
              </a:ext>
            </a:extLst>
          </p:cNvPr>
          <p:cNvSpPr txBox="1"/>
          <p:nvPr userDrawn="1"/>
        </p:nvSpPr>
        <p:spPr bwMode="gray">
          <a:xfrm>
            <a:off x="9384507" y="6604001"/>
            <a:ext cx="2147888" cy="224432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 anchor="ctr">
            <a:noAutofit/>
          </a:bodyPr>
          <a:lstStyle/>
          <a:p>
            <a:pPr marL="0" marR="0" lvl="0" indent="0" algn="l" defTabSz="914491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© Hitachi ABB Power Grids 2020. All rights reserved</a:t>
            </a:r>
            <a:endParaRPr kumimoji="0" lang="en-US" sz="8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9" name="text" descr="{&#10; &quot;SkabelonDesign&quot;: {&#10; &quot;textualValue&quot;: &quot;&lt;key1/&gt;&quot;,&#10; &quot;bindingCollection&quot;: {&#10; &quot;key1&quot;: {&quot;SkabelonDesign&quot;:{&quot;type&quot;:&quot;Text&quot;,&quot;binding&quot;:&quot;Title&quot;}}&#10; }&#10; }&#10;}">
            <a:extLst>
              <a:ext uri="{FF2B5EF4-FFF2-40B4-BE49-F238E27FC236}">
                <a16:creationId xmlns:a16="http://schemas.microsoft.com/office/drawing/2014/main" id="{84363F99-AF02-4A5B-A36C-8C3FDDCFE92A}"/>
              </a:ext>
            </a:extLst>
          </p:cNvPr>
          <p:cNvSpPr/>
          <p:nvPr userDrawn="1"/>
        </p:nvSpPr>
        <p:spPr bwMode="gray">
          <a:xfrm>
            <a:off x="1369197" y="5090003"/>
            <a:ext cx="10537200" cy="572286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r>
              <a:rPr lang="en-US" sz="2800" b="1">
                <a:solidFill>
                  <a:schemeClr val="tx1"/>
                </a:solidFill>
              </a:rPr>
              <a:t>Monthly_HR_Center_Report_TEMPLATE</a:t>
            </a:r>
            <a:endParaRPr lang="da-DK" sz="2800" b="1" dirty="0">
              <a:solidFill>
                <a:schemeClr val="tx1"/>
              </a:solidFill>
            </a:endParaRPr>
          </a:p>
        </p:txBody>
      </p:sp>
      <p:sp>
        <p:nvSpPr>
          <p:cNvPr id="10" name="text" descr="{&#10; &quot;SkabelonDesign&quot;: {&#10; &quot;textualValue&quot;: &quot;&lt;key1/&gt;&quot;,&#10; &quot;bindingCollection&quot;: {&#10; &quot;key1&quot;: {&quot;SkabelonDesign&quot;:{&quot;type&quot;:&quot;Text&quot;,&quot;binding&quot;:&quot;SupplementaryTitle&quot;}}&#10; }&#10; }&#10;}">
            <a:extLst>
              <a:ext uri="{FF2B5EF4-FFF2-40B4-BE49-F238E27FC236}">
                <a16:creationId xmlns:a16="http://schemas.microsoft.com/office/drawing/2014/main" id="{49E04663-53AE-4442-949C-131F559D36CC}"/>
              </a:ext>
            </a:extLst>
          </p:cNvPr>
          <p:cNvSpPr/>
          <p:nvPr userDrawn="1"/>
        </p:nvSpPr>
        <p:spPr bwMode="gray">
          <a:xfrm>
            <a:off x="1368404" y="5681719"/>
            <a:ext cx="10542162" cy="40043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endParaRPr lang="da-DK" sz="2000" b="0" dirty="0">
              <a:solidFill>
                <a:schemeClr val="tx1"/>
              </a:solidFill>
            </a:endParaRPr>
          </a:p>
        </p:txBody>
      </p:sp>
      <p:sp>
        <p:nvSpPr>
          <p:cNvPr id="7" name="text" descr="{&#10; &quot;SkabelonDesign&quot;: {&#10; &quot;textualValue&quot;: &quot;&lt;key1/&gt;&quot;,&#10; &quot;bindingCollection&quot;: {&#10; &quot;key1&quot;: {&quot;SkabelonDesign&quot;:{&quot;type&quot;:&quot;Text&quot;,&quot;binding&quot;:&quot;PPMetadata&quot;}}&#10; }&#10; }&#10;}">
            <a:extLst>
              <a:ext uri="{FF2B5EF4-FFF2-40B4-BE49-F238E27FC236}">
                <a16:creationId xmlns:a16="http://schemas.microsoft.com/office/drawing/2014/main" id="{8E5411FA-3269-4512-B9BC-F1FEB3A5DF4B}"/>
              </a:ext>
            </a:extLst>
          </p:cNvPr>
          <p:cNvSpPr txBox="1"/>
          <p:nvPr userDrawn="1"/>
        </p:nvSpPr>
        <p:spPr bwMode="gray">
          <a:xfrm>
            <a:off x="1365279" y="6639725"/>
            <a:ext cx="3431478" cy="154949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pl-PL" sz="930">
                <a:solidFill>
                  <a:schemeClr val="tx1"/>
                </a:solidFill>
              </a:rPr>
              <a:t>2020-07-29</a:t>
            </a:r>
            <a:endParaRPr lang="pl-PL" sz="930" dirty="0">
              <a:solidFill>
                <a:schemeClr val="tx1"/>
              </a:solidFill>
            </a:endParaRPr>
          </a:p>
        </p:txBody>
      </p:sp>
      <p:sp>
        <p:nvSpPr>
          <p:cNvPr id="21" name="Text Box 13">
            <a:extLst>
              <a:ext uri="{FF2B5EF4-FFF2-40B4-BE49-F238E27FC236}">
                <a16:creationId xmlns:a16="http://schemas.microsoft.com/office/drawing/2014/main" id="{67B318E7-F505-43BC-847E-0E04446BD2EE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1372422" y="6438755"/>
            <a:ext cx="3424335" cy="261610"/>
          </a:xfrm>
          <a:prstGeom prst="rect">
            <a:avLst/>
          </a:prstGeom>
          <a:noFill/>
          <a:ln w="25400">
            <a:noFill/>
            <a:miter lim="800000"/>
            <a:headEnd/>
            <a:tailEnd/>
          </a:ln>
        </p:spPr>
        <p:txBody>
          <a:bodyPr wrap="none" lIns="0" tIns="0" rIns="0" bIns="0">
            <a:noAutofit/>
          </a:bodyPr>
          <a:lstStyle/>
          <a:p>
            <a:pPr algn="ctr">
              <a:spcBef>
                <a:spcPct val="50000"/>
              </a:spcBef>
              <a:defRPr/>
            </a:pPr>
            <a:r>
              <a:rPr kumimoji="0" lang="en-US" altLang="ja-JP" sz="1170" b="1" dirty="0">
                <a:solidFill>
                  <a:schemeClr val="tx1"/>
                </a:solidFill>
                <a:latin typeface="Arial" charset="0"/>
                <a:ea typeface="Arial" pitchFamily="34" charset="0"/>
              </a:rPr>
              <a:t>POWERING GOOD FOR SUSTAINABLE ENERGY</a:t>
            </a:r>
          </a:p>
        </p:txBody>
      </p:sp>
      <p:pic>
        <p:nvPicPr>
          <p:cNvPr id="11" name="Confidential" hidden="1">
            <a:extLst>
              <a:ext uri="{FF2B5EF4-FFF2-40B4-BE49-F238E27FC236}">
                <a16:creationId xmlns:a16="http://schemas.microsoft.com/office/drawing/2014/main" id="{661966F3-7AA1-4EF4-BA95-02DF53D7AA6E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277200" y="345600"/>
            <a:ext cx="1671890" cy="266400"/>
          </a:xfrm>
          <a:prstGeom prst="rect">
            <a:avLst/>
          </a:prstGeom>
        </p:spPr>
      </p:pic>
      <p:pic>
        <p:nvPicPr>
          <p:cNvPr id="12" name="Public" hidden="1">
            <a:extLst>
              <a:ext uri="{FF2B5EF4-FFF2-40B4-BE49-F238E27FC236}">
                <a16:creationId xmlns:a16="http://schemas.microsoft.com/office/drawing/2014/main" id="{FC73FBE7-E8DC-4480-8500-F5BA25F6A2CF}"/>
              </a:ext>
            </a:extLst>
          </p:cNvPr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275718" y="345600"/>
            <a:ext cx="1671890" cy="266400"/>
          </a:xfrm>
          <a:prstGeom prst="rect">
            <a:avLst/>
          </a:prstGeom>
        </p:spPr>
      </p:pic>
      <p:pic>
        <p:nvPicPr>
          <p:cNvPr id="13" name="Internal">
            <a:extLst>
              <a:ext uri="{FF2B5EF4-FFF2-40B4-BE49-F238E27FC236}">
                <a16:creationId xmlns:a16="http://schemas.microsoft.com/office/drawing/2014/main" id="{2E032F33-734F-46C6-8307-54FF5447C0B3}"/>
              </a:ext>
            </a:extLst>
          </p:cNvPr>
          <p:cNvPicPr>
            <a:picLocks noChangeAspect="1"/>
          </p:cNvPicPr>
          <p:nvPr userDrawn="1"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275718" y="344152"/>
            <a:ext cx="1671890" cy="266400"/>
          </a:xfrm>
          <a:prstGeom prst="rect">
            <a:avLst/>
          </a:prstGeom>
        </p:spPr>
      </p:pic>
      <p:pic>
        <p:nvPicPr>
          <p:cNvPr id="14" name="Strictly" hidden="1">
            <a:extLst>
              <a:ext uri="{FF2B5EF4-FFF2-40B4-BE49-F238E27FC236}">
                <a16:creationId xmlns:a16="http://schemas.microsoft.com/office/drawing/2014/main" id="{4D95BBEA-FA4C-4CD5-95B2-87BE670FCBD3}"/>
              </a:ext>
            </a:extLst>
          </p:cNvPr>
          <p:cNvPicPr>
            <a:picLocks noChangeAspect="1"/>
          </p:cNvPicPr>
          <p:nvPr userDrawn="1"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1"/>
              </a:ext>
            </a:extLst>
          </a:blip>
          <a:stretch>
            <a:fillRect/>
          </a:stretch>
        </p:blipFill>
        <p:spPr>
          <a:xfrm>
            <a:off x="277200" y="345600"/>
            <a:ext cx="1671890" cy="266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0150939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1228385-841E-47E4-93C8-7BECEFAEB36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pl-PL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8A0B6D5D-89B0-4044-9527-8611133B55D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C09CA78-A29A-4CD4-9A25-957092CA3074}" type="datetimeFigureOut">
              <a:rPr lang="pl-PL" smtClean="0"/>
              <a:t>21.07.2021</a:t>
            </a:fld>
            <a:endParaRPr lang="pl-PL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27E698BD-2273-41BC-B249-D275E429D6B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l-PL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AB7032A2-CFA3-4095-A113-755966F3F34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C577F83-369C-4B9F-8EE9-95C30396C532}" type="slidenum">
              <a:rPr lang="pl-PL" smtClean="0"/>
              <a:t>‹#›</a:t>
            </a:fld>
            <a:endParaRPr lang="pl-PL"/>
          </a:p>
        </p:txBody>
      </p:sp>
    </p:spTree>
    <p:extLst>
      <p:ext uri="{BB962C8B-B14F-4D97-AF65-F5344CB8AC3E}">
        <p14:creationId xmlns:p14="http://schemas.microsoft.com/office/powerpoint/2010/main" val="245426197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F6EEB5C-4094-4426-95E2-31042CE22CD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C09CA78-A29A-4CD4-9A25-957092CA3074}" type="datetimeFigureOut">
              <a:rPr lang="pl-PL" smtClean="0"/>
              <a:t>21.07.2021</a:t>
            </a:fld>
            <a:endParaRPr lang="pl-PL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AD1BB38-F50F-4699-A841-5EFCD350101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l-PL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9AD588F-7948-4262-8B3E-A3E06D1C955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C577F83-369C-4B9F-8EE9-95C30396C532}" type="slidenum">
              <a:rPr lang="pl-PL" smtClean="0"/>
              <a:t>‹#›</a:t>
            </a:fld>
            <a:endParaRPr lang="pl-PL"/>
          </a:p>
        </p:txBody>
      </p:sp>
    </p:spTree>
    <p:extLst>
      <p:ext uri="{BB962C8B-B14F-4D97-AF65-F5344CB8AC3E}">
        <p14:creationId xmlns:p14="http://schemas.microsoft.com/office/powerpoint/2010/main" val="71782285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04C5ADE-1889-45BE-97FC-18814FF0B73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pl-PL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14CC16C-169E-4919-8E50-29F05FD1629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pl-PL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20A5F2E-3A4C-4790-9DAE-7FAE075EC7A7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A92B01B-EE78-4663-B06B-ABADAB3099B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C09CA78-A29A-4CD4-9A25-957092CA3074}" type="datetimeFigureOut">
              <a:rPr lang="pl-PL" smtClean="0"/>
              <a:t>21.07.2021</a:t>
            </a:fld>
            <a:endParaRPr lang="pl-PL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58788CC4-C1B5-4B5B-A2F6-8B818E612CE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l-PL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E589618-0BD0-4D08-BD91-8944E0F238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C577F83-369C-4B9F-8EE9-95C30396C532}" type="slidenum">
              <a:rPr lang="pl-PL" smtClean="0"/>
              <a:t>‹#›</a:t>
            </a:fld>
            <a:endParaRPr lang="pl-PL"/>
          </a:p>
        </p:txBody>
      </p:sp>
    </p:spTree>
    <p:extLst>
      <p:ext uri="{BB962C8B-B14F-4D97-AF65-F5344CB8AC3E}">
        <p14:creationId xmlns:p14="http://schemas.microsoft.com/office/powerpoint/2010/main" val="276456494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CB85B34-B6A5-4725-B121-EDD172371D8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pl-PL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DA7FBCA4-CD94-48D3-8CAA-97F893DD6152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pl-PL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EBB3A521-76A9-439A-8117-599A978B9E09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E96E191-B717-42BB-96C9-64A732C36ED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C09CA78-A29A-4CD4-9A25-957092CA3074}" type="datetimeFigureOut">
              <a:rPr lang="pl-PL" smtClean="0"/>
              <a:t>21.07.2021</a:t>
            </a:fld>
            <a:endParaRPr lang="pl-PL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6EDEB36-CF60-42A4-96D5-2B262F0BD38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l-PL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5A82B11-64E0-49AC-828B-6A6D24E2C90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C577F83-369C-4B9F-8EE9-95C30396C532}" type="slidenum">
              <a:rPr lang="pl-PL" smtClean="0"/>
              <a:t>‹#›</a:t>
            </a:fld>
            <a:endParaRPr lang="pl-PL"/>
          </a:p>
        </p:txBody>
      </p:sp>
    </p:spTree>
    <p:extLst>
      <p:ext uri="{BB962C8B-B14F-4D97-AF65-F5344CB8AC3E}">
        <p14:creationId xmlns:p14="http://schemas.microsoft.com/office/powerpoint/2010/main" val="267218634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25.xml"/><Relationship Id="rId18" Type="http://schemas.openxmlformats.org/officeDocument/2006/relationships/slideLayout" Target="../slideLayouts/slideLayout30.xml"/><Relationship Id="rId26" Type="http://schemas.openxmlformats.org/officeDocument/2006/relationships/slideLayout" Target="../slideLayouts/slideLayout38.xml"/><Relationship Id="rId39" Type="http://schemas.openxmlformats.org/officeDocument/2006/relationships/slideLayout" Target="../slideLayouts/slideLayout51.xml"/><Relationship Id="rId21" Type="http://schemas.openxmlformats.org/officeDocument/2006/relationships/slideLayout" Target="../slideLayouts/slideLayout33.xml"/><Relationship Id="rId34" Type="http://schemas.openxmlformats.org/officeDocument/2006/relationships/slideLayout" Target="../slideLayouts/slideLayout46.xml"/><Relationship Id="rId42" Type="http://schemas.openxmlformats.org/officeDocument/2006/relationships/theme" Target="../theme/theme2.xml"/><Relationship Id="rId7" Type="http://schemas.openxmlformats.org/officeDocument/2006/relationships/slideLayout" Target="../slideLayouts/slideLayout19.xml"/><Relationship Id="rId2" Type="http://schemas.openxmlformats.org/officeDocument/2006/relationships/slideLayout" Target="../slideLayouts/slideLayout14.xml"/><Relationship Id="rId16" Type="http://schemas.openxmlformats.org/officeDocument/2006/relationships/slideLayout" Target="../slideLayouts/slideLayout28.xml"/><Relationship Id="rId20" Type="http://schemas.openxmlformats.org/officeDocument/2006/relationships/slideLayout" Target="../slideLayouts/slideLayout32.xml"/><Relationship Id="rId29" Type="http://schemas.openxmlformats.org/officeDocument/2006/relationships/slideLayout" Target="../slideLayouts/slideLayout41.xml"/><Relationship Id="rId41" Type="http://schemas.openxmlformats.org/officeDocument/2006/relationships/slideLayout" Target="../slideLayouts/slideLayout53.xml"/><Relationship Id="rId1" Type="http://schemas.openxmlformats.org/officeDocument/2006/relationships/slideLayout" Target="../slideLayouts/slideLayout13.xml"/><Relationship Id="rId6" Type="http://schemas.openxmlformats.org/officeDocument/2006/relationships/slideLayout" Target="../slideLayouts/slideLayout18.xml"/><Relationship Id="rId11" Type="http://schemas.openxmlformats.org/officeDocument/2006/relationships/slideLayout" Target="../slideLayouts/slideLayout23.xml"/><Relationship Id="rId24" Type="http://schemas.openxmlformats.org/officeDocument/2006/relationships/slideLayout" Target="../slideLayouts/slideLayout36.xml"/><Relationship Id="rId32" Type="http://schemas.openxmlformats.org/officeDocument/2006/relationships/slideLayout" Target="../slideLayouts/slideLayout44.xml"/><Relationship Id="rId37" Type="http://schemas.openxmlformats.org/officeDocument/2006/relationships/slideLayout" Target="../slideLayouts/slideLayout49.xml"/><Relationship Id="rId40" Type="http://schemas.openxmlformats.org/officeDocument/2006/relationships/slideLayout" Target="../slideLayouts/slideLayout52.xml"/><Relationship Id="rId5" Type="http://schemas.openxmlformats.org/officeDocument/2006/relationships/slideLayout" Target="../slideLayouts/slideLayout17.xml"/><Relationship Id="rId15" Type="http://schemas.openxmlformats.org/officeDocument/2006/relationships/slideLayout" Target="../slideLayouts/slideLayout27.xml"/><Relationship Id="rId23" Type="http://schemas.openxmlformats.org/officeDocument/2006/relationships/slideLayout" Target="../slideLayouts/slideLayout35.xml"/><Relationship Id="rId28" Type="http://schemas.openxmlformats.org/officeDocument/2006/relationships/slideLayout" Target="../slideLayouts/slideLayout40.xml"/><Relationship Id="rId36" Type="http://schemas.openxmlformats.org/officeDocument/2006/relationships/slideLayout" Target="../slideLayouts/slideLayout48.xml"/><Relationship Id="rId10" Type="http://schemas.openxmlformats.org/officeDocument/2006/relationships/slideLayout" Target="../slideLayouts/slideLayout22.xml"/><Relationship Id="rId19" Type="http://schemas.openxmlformats.org/officeDocument/2006/relationships/slideLayout" Target="../slideLayouts/slideLayout31.xml"/><Relationship Id="rId31" Type="http://schemas.openxmlformats.org/officeDocument/2006/relationships/slideLayout" Target="../slideLayouts/slideLayout43.xml"/><Relationship Id="rId44" Type="http://schemas.openxmlformats.org/officeDocument/2006/relationships/image" Target="../media/image2.svg"/><Relationship Id="rId4" Type="http://schemas.openxmlformats.org/officeDocument/2006/relationships/slideLayout" Target="../slideLayouts/slideLayout16.xml"/><Relationship Id="rId9" Type="http://schemas.openxmlformats.org/officeDocument/2006/relationships/slideLayout" Target="../slideLayouts/slideLayout21.xml"/><Relationship Id="rId14" Type="http://schemas.openxmlformats.org/officeDocument/2006/relationships/slideLayout" Target="../slideLayouts/slideLayout26.xml"/><Relationship Id="rId22" Type="http://schemas.openxmlformats.org/officeDocument/2006/relationships/slideLayout" Target="../slideLayouts/slideLayout34.xml"/><Relationship Id="rId27" Type="http://schemas.openxmlformats.org/officeDocument/2006/relationships/slideLayout" Target="../slideLayouts/slideLayout39.xml"/><Relationship Id="rId30" Type="http://schemas.openxmlformats.org/officeDocument/2006/relationships/slideLayout" Target="../slideLayouts/slideLayout42.xml"/><Relationship Id="rId35" Type="http://schemas.openxmlformats.org/officeDocument/2006/relationships/slideLayout" Target="../slideLayouts/slideLayout47.xml"/><Relationship Id="rId43" Type="http://schemas.openxmlformats.org/officeDocument/2006/relationships/image" Target="../media/image11.png"/><Relationship Id="rId8" Type="http://schemas.openxmlformats.org/officeDocument/2006/relationships/slideLayout" Target="../slideLayouts/slideLayout20.xml"/><Relationship Id="rId3" Type="http://schemas.openxmlformats.org/officeDocument/2006/relationships/slideLayout" Target="../slideLayouts/slideLayout15.xml"/><Relationship Id="rId12" Type="http://schemas.openxmlformats.org/officeDocument/2006/relationships/slideLayout" Target="../slideLayouts/slideLayout24.xml"/><Relationship Id="rId17" Type="http://schemas.openxmlformats.org/officeDocument/2006/relationships/slideLayout" Target="../slideLayouts/slideLayout29.xml"/><Relationship Id="rId25" Type="http://schemas.openxmlformats.org/officeDocument/2006/relationships/slideLayout" Target="../slideLayouts/slideLayout37.xml"/><Relationship Id="rId33" Type="http://schemas.openxmlformats.org/officeDocument/2006/relationships/slideLayout" Target="../slideLayouts/slideLayout45.xml"/><Relationship Id="rId38" Type="http://schemas.openxmlformats.org/officeDocument/2006/relationships/slideLayout" Target="../slideLayouts/slideLayout5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C710E135-003E-458A-8ACD-FA8BE8D4BAC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pl-PL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5496568-F12F-4697-9509-2054D50F5A1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pl-PL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E2A6BD7-39AC-403A-8BC4-1FABACE7107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C09CA78-A29A-4CD4-9A25-957092CA3074}" type="datetimeFigureOut">
              <a:rPr lang="pl-PL" smtClean="0"/>
              <a:t>21.07.2021</a:t>
            </a:fld>
            <a:endParaRPr lang="pl-PL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A00E960-9173-4847-8AD2-B3B478D2E91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pl-PL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37B0E62-9A27-4EE7-90C4-94DFFDFAA11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C577F83-369C-4B9F-8EE9-95C30396C532}" type="slidenum">
              <a:rPr lang="pl-PL" smtClean="0"/>
              <a:t>‹#›</a:t>
            </a:fld>
            <a:endParaRPr lang="pl-PL"/>
          </a:p>
        </p:txBody>
      </p:sp>
    </p:spTree>
    <p:extLst>
      <p:ext uri="{BB962C8B-B14F-4D97-AF65-F5344CB8AC3E}">
        <p14:creationId xmlns:p14="http://schemas.microsoft.com/office/powerpoint/2010/main" val="191750936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702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pl-PL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4B857974-89ED-4489-9966-AE9110F9D24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8120"/>
            <a:ext cx="8855276" cy="43400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2617D3C-37DD-4293-9541-6E35F5A6202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263525" y="1376363"/>
            <a:ext cx="11657546" cy="4968874"/>
          </a:xfrm>
          <a:prstGeom prst="rect">
            <a:avLst/>
          </a:prstGeom>
        </p:spPr>
        <p:txBody>
          <a:bodyPr vert="horz" lIns="0" tIns="108000" rIns="0" bIns="0" rtlCol="0">
            <a:no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6</a:t>
            </a:r>
          </a:p>
          <a:p>
            <a:pPr lvl="6"/>
            <a:r>
              <a:rPr lang="en-US" dirty="0"/>
              <a:t>7</a:t>
            </a:r>
          </a:p>
          <a:p>
            <a:pPr lvl="7"/>
            <a:r>
              <a:rPr lang="en-US" dirty="0"/>
              <a:t>8</a:t>
            </a:r>
          </a:p>
          <a:p>
            <a:pPr lvl="8"/>
            <a:r>
              <a:rPr lang="en-US" dirty="0"/>
              <a:t>9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B8F0C02-0951-4EF2-B93F-6FE591A22B5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415600" y="6555600"/>
            <a:ext cx="651600" cy="30600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470">
                <a:solidFill>
                  <a:schemeClr val="tx1"/>
                </a:solidFill>
              </a:defRPr>
            </a:lvl1pPr>
          </a:lstStyle>
          <a:p>
            <a:fld id="{C24EC536-6FE3-4540-8D85-74C58F0BF697}" type="slidenum">
              <a:rPr lang="en-US" smtClean="0"/>
              <a:pPr/>
              <a:t>‹#›</a:t>
            </a:fld>
            <a:endParaRPr lang="en-US" dirty="0"/>
          </a:p>
        </p:txBody>
      </p:sp>
      <p:grpSp>
        <p:nvGrpSpPr>
          <p:cNvPr id="8" name="Group 7">
            <a:extLst>
              <a:ext uri="{FF2B5EF4-FFF2-40B4-BE49-F238E27FC236}">
                <a16:creationId xmlns:a16="http://schemas.microsoft.com/office/drawing/2014/main" id="{B2F1676B-D6EF-4BB4-B3EC-8C3F9C4B1B45}"/>
              </a:ext>
            </a:extLst>
          </p:cNvPr>
          <p:cNvGrpSpPr/>
          <p:nvPr userDrawn="1"/>
        </p:nvGrpSpPr>
        <p:grpSpPr>
          <a:xfrm>
            <a:off x="-3" y="794367"/>
            <a:ext cx="12192003" cy="88389"/>
            <a:chOff x="-3" y="794367"/>
            <a:chExt cx="12192003" cy="88389"/>
          </a:xfrm>
        </p:grpSpPr>
        <p:sp>
          <p:nvSpPr>
            <p:cNvPr id="9" name="正方形/長方形 11">
              <a:extLst>
                <a:ext uri="{FF2B5EF4-FFF2-40B4-BE49-F238E27FC236}">
                  <a16:creationId xmlns:a16="http://schemas.microsoft.com/office/drawing/2014/main" id="{1E48A1FD-7CC4-46D8-A2E1-6F03829DD1A3}"/>
                </a:ext>
              </a:extLst>
            </p:cNvPr>
            <p:cNvSpPr>
              <a:spLocks noChangeArrowheads="1"/>
            </p:cNvSpPr>
            <p:nvPr userDrawn="1"/>
          </p:nvSpPr>
          <p:spPr bwMode="gray">
            <a:xfrm>
              <a:off x="0" y="794367"/>
              <a:ext cx="12192000" cy="88389"/>
            </a:xfrm>
            <a:prstGeom prst="rect">
              <a:avLst/>
            </a:prstGeom>
            <a:solidFill>
              <a:srgbClr val="73737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US" altLang="ja-JP" sz="4623" dirty="0"/>
            </a:p>
          </p:txBody>
        </p:sp>
        <p:grpSp>
          <p:nvGrpSpPr>
            <p:cNvPr id="10" name="グループ化 62">
              <a:extLst>
                <a:ext uri="{FF2B5EF4-FFF2-40B4-BE49-F238E27FC236}">
                  <a16:creationId xmlns:a16="http://schemas.microsoft.com/office/drawing/2014/main" id="{96E01351-7416-453F-AE1B-1CD86204E758}"/>
                </a:ext>
              </a:extLst>
            </p:cNvPr>
            <p:cNvGrpSpPr/>
            <p:nvPr userDrawn="1"/>
          </p:nvGrpSpPr>
          <p:grpSpPr bwMode="gray">
            <a:xfrm>
              <a:off x="-3" y="794367"/>
              <a:ext cx="1757857" cy="88389"/>
              <a:chOff x="312738" y="2747963"/>
              <a:chExt cx="1970087" cy="109537"/>
            </a:xfrm>
          </p:grpSpPr>
          <p:sp>
            <p:nvSpPr>
              <p:cNvPr id="11" name="正方形/長方形 69">
                <a:extLst>
                  <a:ext uri="{FF2B5EF4-FFF2-40B4-BE49-F238E27FC236}">
                    <a16:creationId xmlns:a16="http://schemas.microsoft.com/office/drawing/2014/main" id="{9A85BBEC-5D35-4BF5-AE00-6E8C440A4B0F}"/>
                  </a:ext>
                </a:extLst>
              </p:cNvPr>
              <p:cNvSpPr/>
              <p:nvPr/>
            </p:nvSpPr>
            <p:spPr bwMode="gray">
              <a:xfrm>
                <a:off x="312738" y="2747963"/>
                <a:ext cx="1970087" cy="109537"/>
              </a:xfrm>
              <a:prstGeom prst="rect">
                <a:avLst/>
              </a:prstGeom>
              <a:solidFill>
                <a:srgbClr val="FF0026"/>
              </a:solidFill>
              <a:ln w="9525">
                <a:noFill/>
                <a:miter lim="800000"/>
                <a:headEnd/>
                <a:tailEnd/>
              </a:ln>
              <a:effectLst/>
            </p:spPr>
            <p:txBody>
              <a:bodyPr wrap="none" anchor="ctr"/>
              <a:lstStyle/>
              <a:p>
                <a:pPr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kumimoji="0" lang="en-US" altLang="ja-JP" sz="2400" kern="0" dirty="0">
                  <a:solidFill>
                    <a:sysClr val="windowText" lastClr="000000"/>
                  </a:solidFill>
                </a:endParaRPr>
              </a:p>
            </p:txBody>
          </p:sp>
          <p:sp>
            <p:nvSpPr>
              <p:cNvPr id="12" name="正方形/長方形 70">
                <a:extLst>
                  <a:ext uri="{FF2B5EF4-FFF2-40B4-BE49-F238E27FC236}">
                    <a16:creationId xmlns:a16="http://schemas.microsoft.com/office/drawing/2014/main" id="{6E132C21-2E20-429A-B4D8-7A0170B79AFF}"/>
                  </a:ext>
                </a:extLst>
              </p:cNvPr>
              <p:cNvSpPr/>
              <p:nvPr/>
            </p:nvSpPr>
            <p:spPr bwMode="gray">
              <a:xfrm>
                <a:off x="312738" y="2747963"/>
                <a:ext cx="985837" cy="109537"/>
              </a:xfrm>
              <a:prstGeom prst="rect">
                <a:avLst/>
              </a:prstGeom>
              <a:solidFill>
                <a:srgbClr val="B3B3B3"/>
              </a:solidFill>
              <a:ln w="9525">
                <a:noFill/>
                <a:miter lim="800000"/>
                <a:headEnd/>
                <a:tailEnd/>
              </a:ln>
              <a:effectLst/>
            </p:spPr>
            <p:txBody>
              <a:bodyPr wrap="none" anchor="ctr"/>
              <a:lstStyle/>
              <a:p>
                <a:pPr algn="l"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kumimoji="0" lang="en-US" altLang="ja-JP" sz="2400" kern="0" dirty="0">
                  <a:solidFill>
                    <a:sysClr val="windowText" lastClr="000000"/>
                  </a:solidFill>
                </a:endParaRPr>
              </a:p>
            </p:txBody>
          </p:sp>
        </p:grpSp>
      </p:grpSp>
      <p:sp>
        <p:nvSpPr>
          <p:cNvPr id="26" name="Footer Placeholder 4">
            <a:extLst>
              <a:ext uri="{FF2B5EF4-FFF2-40B4-BE49-F238E27FC236}">
                <a16:creationId xmlns:a16="http://schemas.microsoft.com/office/drawing/2014/main" id="{DB1F0B32-374F-4B51-9AA3-5F551B2F644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 vert="horz" lIns="0" tIns="0" rIns="0" bIns="0" rtlCol="0" anchor="b"/>
          <a:lstStyle>
            <a:lvl1pPr algn="l">
              <a:defRPr sz="800">
                <a:solidFill>
                  <a:schemeClr val="accent4"/>
                </a:solidFill>
              </a:defRPr>
            </a:lvl1pPr>
          </a:lstStyle>
          <a:p>
            <a:endParaRPr lang="en-US" dirty="0"/>
          </a:p>
        </p:txBody>
      </p:sp>
      <p:pic>
        <p:nvPicPr>
          <p:cNvPr id="14" name="Graphic 13">
            <a:extLst>
              <a:ext uri="{FF2B5EF4-FFF2-40B4-BE49-F238E27FC236}">
                <a16:creationId xmlns:a16="http://schemas.microsoft.com/office/drawing/2014/main" id="{2135B2F7-B0DD-4C02-A84E-BC4634977626}"/>
              </a:ext>
            </a:extLst>
          </p:cNvPr>
          <p:cNvPicPr>
            <a:picLocks noChangeAspect="1"/>
          </p:cNvPicPr>
          <p:nvPr userDrawn="1"/>
        </p:nvPicPr>
        <p:blipFill>
          <a:blip r:embed="rId4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4"/>
              </a:ext>
            </a:extLst>
          </a:blip>
          <a:stretch>
            <a:fillRect/>
          </a:stretch>
        </p:blipFill>
        <p:spPr>
          <a:xfrm>
            <a:off x="9894886" y="150019"/>
            <a:ext cx="2153872" cy="511395"/>
          </a:xfrm>
          <a:prstGeom prst="rect">
            <a:avLst/>
          </a:prstGeom>
        </p:spPr>
      </p:pic>
      <p:sp>
        <p:nvSpPr>
          <p:cNvPr id="5" name="text" descr="{&#10; &quot;SkabelonDesign&quot;: {&#10; &quot;textualValue&quot;: &quot;&lt;key1/&gt;&quot;,&#10; &quot;bindingCollection&quot;: {&#10; &quot;key1&quot;: {&quot;SkabelonDesign&quot;:{&quot;type&quot;:&quot;Text&quot;,&quot;binding&quot;:&quot;Copyright&quot;}}&#10; }&#10; }&#10;}">
            <a:extLst>
              <a:ext uri="{FF2B5EF4-FFF2-40B4-BE49-F238E27FC236}">
                <a16:creationId xmlns:a16="http://schemas.microsoft.com/office/drawing/2014/main" id="{A1096FB2-55CC-4081-8128-E81939554EB4}"/>
              </a:ext>
            </a:extLst>
          </p:cNvPr>
          <p:cNvSpPr txBox="1"/>
          <p:nvPr userDrawn="1"/>
        </p:nvSpPr>
        <p:spPr bwMode="gray">
          <a:xfrm>
            <a:off x="9384507" y="6604001"/>
            <a:ext cx="2160000" cy="224432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 anchor="ctr">
            <a:noAutofit/>
          </a:bodyPr>
          <a:lstStyle/>
          <a:p>
            <a:pPr marL="0" marR="0" lvl="0" indent="0" algn="l" defTabSz="914491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730" b="0" i="0" u="none" strike="noStrike" kern="1200" cap="none" spc="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© Hitachi ABB Power Grids 2020. All rights reserved</a:t>
            </a:r>
            <a:endParaRPr kumimoji="0" lang="en-US" sz="73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73489580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  <p:sldLayoutId id="2147483672" r:id="rId12"/>
    <p:sldLayoutId id="2147483673" r:id="rId13"/>
    <p:sldLayoutId id="2147483674" r:id="rId14"/>
    <p:sldLayoutId id="2147483675" r:id="rId15"/>
    <p:sldLayoutId id="2147483676" r:id="rId16"/>
    <p:sldLayoutId id="2147483677" r:id="rId17"/>
    <p:sldLayoutId id="2147483678" r:id="rId18"/>
    <p:sldLayoutId id="2147483679" r:id="rId19"/>
    <p:sldLayoutId id="2147483680" r:id="rId20"/>
    <p:sldLayoutId id="2147483681" r:id="rId21"/>
    <p:sldLayoutId id="2147483682" r:id="rId22"/>
    <p:sldLayoutId id="2147483683" r:id="rId23"/>
    <p:sldLayoutId id="2147483684" r:id="rId24"/>
    <p:sldLayoutId id="2147483685" r:id="rId25"/>
    <p:sldLayoutId id="2147483686" r:id="rId26"/>
    <p:sldLayoutId id="2147483687" r:id="rId27"/>
    <p:sldLayoutId id="2147483688" r:id="rId28"/>
    <p:sldLayoutId id="2147483689" r:id="rId29"/>
    <p:sldLayoutId id="2147483690" r:id="rId30"/>
    <p:sldLayoutId id="2147483691" r:id="rId31"/>
    <p:sldLayoutId id="2147483692" r:id="rId32"/>
    <p:sldLayoutId id="2147483693" r:id="rId33"/>
    <p:sldLayoutId id="2147483694" r:id="rId34"/>
    <p:sldLayoutId id="2147483695" r:id="rId35"/>
    <p:sldLayoutId id="2147483696" r:id="rId36"/>
    <p:sldLayoutId id="2147483697" r:id="rId37"/>
    <p:sldLayoutId id="2147483698" r:id="rId38"/>
    <p:sldLayoutId id="2147483699" r:id="rId39"/>
    <p:sldLayoutId id="2147483700" r:id="rId40"/>
    <p:sldLayoutId id="2147483701" r:id="rId41"/>
  </p:sldLayoutIdLst>
  <p:hf hdr="0" dt="0"/>
  <p:txStyles>
    <p:titleStyle>
      <a:lvl1pPr algn="l" defTabSz="914400" rtl="0" eaLnBrk="1" latinLnBrk="0" hangingPunct="1">
        <a:lnSpc>
          <a:spcPct val="95000"/>
        </a:lnSpc>
        <a:spcBef>
          <a:spcPct val="0"/>
        </a:spcBef>
        <a:buNone/>
        <a:defRPr sz="24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Char char="​"/>
        <a:defRPr sz="1400" kern="1200">
          <a:solidFill>
            <a:schemeClr val="tx1"/>
          </a:solidFill>
          <a:latin typeface="+mn-lt"/>
          <a:ea typeface="+mn-ea"/>
          <a:cs typeface="+mn-cs"/>
        </a:defRPr>
      </a:lvl1pPr>
      <a:lvl2pPr marL="180975" indent="-180975" algn="l" defTabSz="91440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Char char="–"/>
        <a:defRPr sz="1400" kern="1200">
          <a:solidFill>
            <a:schemeClr val="tx1"/>
          </a:solidFill>
          <a:latin typeface="+mn-lt"/>
          <a:ea typeface="+mn-ea"/>
          <a:cs typeface="+mn-cs"/>
        </a:defRPr>
      </a:lvl2pPr>
      <a:lvl3pPr marL="360000" indent="-180975" algn="l" defTabSz="91440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0" indent="0" algn="l" defTabSz="914400" rtl="0" eaLnBrk="1" latinLnBrk="0" hangingPunct="1">
        <a:lnSpc>
          <a:spcPct val="100000"/>
        </a:lnSpc>
        <a:spcBef>
          <a:spcPts val="600"/>
        </a:spcBef>
        <a:spcAft>
          <a:spcPts val="0"/>
        </a:spcAft>
        <a:buFont typeface="Arial" panose="020B0604020202020204" pitchFamily="34" charset="0"/>
        <a:buChar char="​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180000" indent="-180975" algn="l" defTabSz="91440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Char char="–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360000" indent="-180000" algn="l" defTabSz="914400" rtl="0" eaLnBrk="1" latinLnBrk="0" hangingPunct="1">
        <a:lnSpc>
          <a:spcPct val="100000"/>
        </a:lnSpc>
        <a:spcBef>
          <a:spcPts val="600"/>
        </a:spcBef>
        <a:spcAft>
          <a:spcPts val="0"/>
        </a:spcAft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6pPr>
      <a:lvl7pPr marL="0" indent="0" algn="l" defTabSz="91440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Char char="​"/>
        <a:defRPr sz="1400" kern="1200">
          <a:solidFill>
            <a:schemeClr val="tx1"/>
          </a:solidFill>
          <a:latin typeface="+mn-lt"/>
          <a:ea typeface="+mn-ea"/>
          <a:cs typeface="+mn-cs"/>
        </a:defRPr>
      </a:lvl7pPr>
      <a:lvl8pPr marL="180000" indent="-180000" algn="l" defTabSz="91440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Char char="–"/>
        <a:defRPr sz="1400" kern="1200">
          <a:solidFill>
            <a:schemeClr val="tx1"/>
          </a:solidFill>
          <a:latin typeface="+mn-lt"/>
          <a:ea typeface="+mn-ea"/>
          <a:cs typeface="+mn-cs"/>
        </a:defRPr>
      </a:lvl8pPr>
      <a:lvl9pPr marL="360000" indent="-180000" algn="l" defTabSz="91440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12000" algn="l" defTabSz="3175" rtl="0" eaLnBrk="1" latinLnBrk="0" hangingPunct="1">
        <a:defRPr sz="1200" b="1" kern="1200">
          <a:solidFill>
            <a:schemeClr val="tx1"/>
          </a:solidFill>
          <a:latin typeface="+mn-lt"/>
          <a:ea typeface="+mn-ea"/>
          <a:cs typeface="+mn-cs"/>
        </a:defRPr>
      </a:lvl1pPr>
      <a:lvl2pPr marL="3175" algn="l" defTabSz="3175" rtl="0" eaLnBrk="1" latinLnBrk="0" hangingPunct="1">
        <a:defRPr sz="1100" kern="1200">
          <a:solidFill>
            <a:schemeClr val="tx1"/>
          </a:solidFill>
          <a:latin typeface="+mn-lt"/>
          <a:ea typeface="+mn-ea"/>
          <a:cs typeface="+mn-cs"/>
        </a:defRPr>
      </a:lvl2pPr>
      <a:lvl3pPr marL="3175" algn="l" defTabSz="3175" rtl="0" eaLnBrk="1" latinLnBrk="0" hangingPunct="1">
        <a:defRPr sz="1100" kern="1200">
          <a:solidFill>
            <a:schemeClr val="tx1"/>
          </a:solidFill>
          <a:latin typeface="+mn-lt"/>
          <a:ea typeface="+mn-ea"/>
          <a:cs typeface="+mn-cs"/>
        </a:defRPr>
      </a:lvl3pPr>
      <a:lvl4pPr marL="3175" algn="l" defTabSz="3175" rtl="0" eaLnBrk="1" latinLnBrk="0" hangingPunct="1">
        <a:defRPr sz="1100" kern="1200">
          <a:solidFill>
            <a:schemeClr val="tx1"/>
          </a:solidFill>
          <a:latin typeface="+mn-lt"/>
          <a:ea typeface="+mn-ea"/>
          <a:cs typeface="+mn-cs"/>
        </a:defRPr>
      </a:lvl4pPr>
      <a:lvl5pPr marL="3175" algn="l" defTabSz="3175" rtl="0" eaLnBrk="1" latinLnBrk="0" hangingPunct="1">
        <a:defRPr sz="1100" kern="1200">
          <a:solidFill>
            <a:schemeClr val="tx1"/>
          </a:solidFill>
          <a:latin typeface="+mn-lt"/>
          <a:ea typeface="+mn-ea"/>
          <a:cs typeface="+mn-cs"/>
        </a:defRPr>
      </a:lvl5pPr>
      <a:lvl6pPr marL="3175" algn="l" defTabSz="3175" rtl="0" eaLnBrk="1" latinLnBrk="0" hangingPunct="1">
        <a:defRPr sz="1100" kern="1200">
          <a:solidFill>
            <a:schemeClr val="tx1"/>
          </a:solidFill>
          <a:latin typeface="+mn-lt"/>
          <a:ea typeface="+mn-ea"/>
          <a:cs typeface="+mn-cs"/>
        </a:defRPr>
      </a:lvl6pPr>
      <a:lvl7pPr marL="3175" algn="l" defTabSz="3175" rtl="0" eaLnBrk="1" latinLnBrk="0" hangingPunct="1">
        <a:defRPr sz="1100" kern="1200">
          <a:solidFill>
            <a:schemeClr val="tx1"/>
          </a:solidFill>
          <a:latin typeface="+mn-lt"/>
          <a:ea typeface="+mn-ea"/>
          <a:cs typeface="+mn-cs"/>
        </a:defRPr>
      </a:lvl7pPr>
      <a:lvl8pPr marL="3175" algn="l" defTabSz="3175" rtl="0" eaLnBrk="1" latinLnBrk="0" hangingPunct="1">
        <a:defRPr sz="1100" kern="1200">
          <a:solidFill>
            <a:schemeClr val="tx1"/>
          </a:solidFill>
          <a:latin typeface="+mn-lt"/>
          <a:ea typeface="+mn-ea"/>
          <a:cs typeface="+mn-cs"/>
        </a:defRPr>
      </a:lvl8pPr>
      <a:lvl9pPr marL="3175" algn="l" defTabSz="3175" rtl="0" eaLnBrk="1" latinLnBrk="0" hangingPunct="1">
        <a:defRPr sz="11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166">
          <p15:clr>
            <a:srgbClr val="F26B43"/>
          </p15:clr>
        </p15:guide>
        <p15:guide id="2" pos="7514">
          <p15:clr>
            <a:srgbClr val="F26B43"/>
          </p15:clr>
        </p15:guide>
        <p15:guide id="3" orient="horz" pos="709">
          <p15:clr>
            <a:srgbClr val="F26B43"/>
          </p15:clr>
        </p15:guide>
        <p15:guide id="4" orient="horz" pos="3997">
          <p15:clr>
            <a:srgbClr val="F26B43"/>
          </p15:clr>
        </p15:guide>
        <p15:guide id="5" pos="3840">
          <p15:clr>
            <a:srgbClr val="F26B43"/>
          </p15:clr>
        </p15:guide>
        <p15:guide id="6" orient="horz" pos="2364">
          <p15:clr>
            <a:srgbClr val="F26B43"/>
          </p15:clr>
        </p15:guide>
        <p15:guide id="7" orient="horz" pos="1321">
          <p15:clr>
            <a:srgbClr val="A4A3A4"/>
          </p15:clr>
        </p15:guide>
        <p15:guide id="8" orient="horz" pos="867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bin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6.xml"/><Relationship Id="rId2" Type="http://schemas.openxmlformats.org/officeDocument/2006/relationships/customXml" Target="../../customXml/item3.xml"/><Relationship Id="rId1" Type="http://schemas.openxmlformats.org/officeDocument/2006/relationships/customXml" Target="../../customXml/item10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9.xml"/><Relationship Id="rId2" Type="http://schemas.openxmlformats.org/officeDocument/2006/relationships/customXml" Target="../../customXml/item7.xml"/><Relationship Id="rId1" Type="http://schemas.openxmlformats.org/officeDocument/2006/relationships/customXml" Target="../../customXml/item9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50.xml"/><Relationship Id="rId2" Type="http://schemas.openxmlformats.org/officeDocument/2006/relationships/customXml" Target="../../customXml/item4.xml"/><Relationship Id="rId1" Type="http://schemas.openxmlformats.org/officeDocument/2006/relationships/customXml" Target="../../customXml/item5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0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29.png"/><Relationship Id="rId13" Type="http://schemas.openxmlformats.org/officeDocument/2006/relationships/image" Target="../media/image34.svg"/><Relationship Id="rId18" Type="http://schemas.openxmlformats.org/officeDocument/2006/relationships/image" Target="../media/image39.png"/><Relationship Id="rId3" Type="http://schemas.openxmlformats.org/officeDocument/2006/relationships/tags" Target="../tags/tag4.xml"/><Relationship Id="rId21" Type="http://schemas.openxmlformats.org/officeDocument/2006/relationships/image" Target="../media/image42.svg"/><Relationship Id="rId7" Type="http://schemas.openxmlformats.org/officeDocument/2006/relationships/slideLayout" Target="../slideLayouts/slideLayout34.xml"/><Relationship Id="rId12" Type="http://schemas.openxmlformats.org/officeDocument/2006/relationships/image" Target="../media/image33.png"/><Relationship Id="rId17" Type="http://schemas.openxmlformats.org/officeDocument/2006/relationships/image" Target="../media/image38.svg"/><Relationship Id="rId2" Type="http://schemas.openxmlformats.org/officeDocument/2006/relationships/tags" Target="../tags/tag3.xml"/><Relationship Id="rId16" Type="http://schemas.openxmlformats.org/officeDocument/2006/relationships/image" Target="../media/image37.png"/><Relationship Id="rId20" Type="http://schemas.openxmlformats.org/officeDocument/2006/relationships/image" Target="../media/image41.png"/><Relationship Id="rId1" Type="http://schemas.openxmlformats.org/officeDocument/2006/relationships/tags" Target="../tags/tag2.xml"/><Relationship Id="rId6" Type="http://schemas.openxmlformats.org/officeDocument/2006/relationships/tags" Target="../tags/tag7.xml"/><Relationship Id="rId11" Type="http://schemas.openxmlformats.org/officeDocument/2006/relationships/image" Target="../media/image32.svg"/><Relationship Id="rId5" Type="http://schemas.openxmlformats.org/officeDocument/2006/relationships/tags" Target="../tags/tag6.xml"/><Relationship Id="rId15" Type="http://schemas.openxmlformats.org/officeDocument/2006/relationships/image" Target="../media/image36.svg"/><Relationship Id="rId10" Type="http://schemas.openxmlformats.org/officeDocument/2006/relationships/image" Target="../media/image31.png"/><Relationship Id="rId19" Type="http://schemas.openxmlformats.org/officeDocument/2006/relationships/image" Target="../media/image40.svg"/><Relationship Id="rId4" Type="http://schemas.openxmlformats.org/officeDocument/2006/relationships/tags" Target="../tags/tag5.xml"/><Relationship Id="rId9" Type="http://schemas.openxmlformats.org/officeDocument/2006/relationships/image" Target="../media/image30.svg"/><Relationship Id="rId14" Type="http://schemas.openxmlformats.org/officeDocument/2006/relationships/image" Target="../media/image35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6.xml"/><Relationship Id="rId2" Type="http://schemas.openxmlformats.org/officeDocument/2006/relationships/customXml" Target="../../customXml/item8.xml"/><Relationship Id="rId1" Type="http://schemas.openxmlformats.org/officeDocument/2006/relationships/customXml" Target="../../customXml/item1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Placeholder 2" descr="A person posing for the camera&#10;&#10;Description automatically generated">
            <a:extLst>
              <a:ext uri="{FF2B5EF4-FFF2-40B4-BE49-F238E27FC236}">
                <a16:creationId xmlns:a16="http://schemas.microsoft.com/office/drawing/2014/main" id="{6D4933B3-CBC3-4D02-8EE6-0D50D0EB3E7E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12" t="3940" r="554" b="12049"/>
          <a:stretch/>
        </p:blipFill>
        <p:spPr>
          <a:xfrm>
            <a:off x="4" y="2"/>
            <a:ext cx="12191997" cy="4738687"/>
          </a:xfrm>
        </p:spPr>
      </p:pic>
      <p:sp>
        <p:nvSpPr>
          <p:cNvPr id="4" name="mainTitle_range">
            <a:extLst>
              <a:ext uri="{FF2B5EF4-FFF2-40B4-BE49-F238E27FC236}">
                <a16:creationId xmlns:a16="http://schemas.microsoft.com/office/drawing/2014/main" id="{3263B96B-7AB2-4200-A5AE-E7A669348D87}"/>
              </a:ext>
            </a:extLst>
          </p:cNvPr>
          <p:cNvSpPr txBox="1">
            <a:spLocks/>
          </p:cNvSpPr>
          <p:nvPr/>
        </p:nvSpPr>
        <p:spPr>
          <a:xfrm>
            <a:off x="1383254" y="5115626"/>
            <a:ext cx="10537200" cy="504000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5000"/>
              </a:lnSpc>
              <a:spcBef>
                <a:spcPct val="0"/>
              </a:spcBef>
              <a:buNone/>
              <a:defRPr sz="2400" b="1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pl-PL" dirty="0"/>
              <a:t>HR Operations </a:t>
            </a:r>
            <a:r>
              <a:rPr lang="en-US" dirty="0"/>
              <a:t>| Monthly Report</a:t>
            </a:r>
          </a:p>
        </p:txBody>
      </p:sp>
      <p:sp>
        <p:nvSpPr>
          <p:cNvPr id="5" name="ctry_range_title">
            <a:extLst>
              <a:ext uri="{FF2B5EF4-FFF2-40B4-BE49-F238E27FC236}">
                <a16:creationId xmlns:a16="http://schemas.microsoft.com/office/drawing/2014/main" id="{BB538B89-9BD9-4F08-AA9B-E8CB39864D3D}"/>
              </a:ext>
            </a:extLst>
          </p:cNvPr>
          <p:cNvSpPr txBox="1">
            <a:spLocks/>
          </p:cNvSpPr>
          <p:nvPr/>
        </p:nvSpPr>
        <p:spPr>
          <a:xfrm>
            <a:off x="1383254" y="5689230"/>
            <a:ext cx="10537200" cy="381000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0975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>
                <a:latin typeface="Arial" panose="020B0604020202020204" pitchFamily="34" charset="0"/>
                <a:cs typeface="Arial" panose="020B0604020202020204" pitchFamily="34" charset="0"/>
              </a:rPr>
              <a:t>Performance Management Report</a:t>
            </a:r>
            <a:endParaRPr lang="pl-PL" dirty="0">
              <a:solidFill>
                <a:srgbClr val="FF0000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pl-PL" dirty="0">
                <a:latin typeface="Arial" panose="020B0604020202020204" pitchFamily="34" charset="0"/>
                <a:cs typeface="Arial" panose="020B0604020202020204" pitchFamily="34" charset="0"/>
              </a:rPr>
              <a:t>HR Operations</a:t>
            </a:r>
            <a:r>
              <a:rPr lang="en-US" dirty="0">
                <a:latin typeface="Arial" panose="020B0604020202020204" pitchFamily="34" charset="0"/>
                <a:cs typeface="Arial" panose="020B0604020202020204" pitchFamily="34" charset="0"/>
              </a:rPr>
              <a:t> Quality and Continuous Improvement</a:t>
            </a:r>
          </a:p>
          <a:p>
            <a:endParaRPr lang="en-US" dirty="0">
              <a:solidFill>
                <a:srgbClr val="FF0000"/>
              </a:solidFill>
            </a:endParaRPr>
          </a:p>
        </p:txBody>
      </p:sp>
      <p:sp>
        <p:nvSpPr>
          <p:cNvPr id="2" name="date_range">
            <a:extLst>
              <a:ext uri="{FF2B5EF4-FFF2-40B4-BE49-F238E27FC236}">
                <a16:creationId xmlns:a16="http://schemas.microsoft.com/office/drawing/2014/main" id="{2C110FE2-75FB-4B60-9389-1216299AF463}"/>
              </a:ext>
            </a:extLst>
          </p:cNvPr>
          <p:cNvSpPr txBox="1"/>
          <p:nvPr/>
        </p:nvSpPr>
        <p:spPr>
          <a:xfrm>
            <a:off x="1383254" y="4878782"/>
            <a:ext cx="1180131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pl-PL" sz="1000" dirty="0" err="1"/>
              <a:t>September</a:t>
            </a:r>
            <a:r>
              <a:rPr lang="pl-PL" sz="1000" dirty="0"/>
              <a:t> 1, 2018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68715336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91A0D51-D3F5-4DA4-ACFA-2C8345203A5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1200" cap="none" spc="0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921E8D7-96A9-4889-ACFC-7D043D6E1CC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24EC536-6FE3-4540-8D85-74C58F0BF697}" type="slidenum">
              <a:rPr kumimoji="0" lang="en-US" sz="147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0</a:t>
            </a:fld>
            <a:endParaRPr kumimoji="0" lang="en-US" sz="147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7" name="Picture Placeholder 6" hidden="1">
            <a:extLst>
              <a:ext uri="{FF2B5EF4-FFF2-40B4-BE49-F238E27FC236}">
                <a16:creationId xmlns:a16="http://schemas.microsoft.com/office/drawing/2014/main" id="{96A22372-E057-4E19-86E8-D1DB0CDAC2A1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/>
      </p:sp>
      <p:sp>
        <p:nvSpPr>
          <p:cNvPr id="8" name="Picture Placeholder 7" hidden="1">
            <a:extLst>
              <a:ext uri="{FF2B5EF4-FFF2-40B4-BE49-F238E27FC236}">
                <a16:creationId xmlns:a16="http://schemas.microsoft.com/office/drawing/2014/main" id="{78B442AE-4A1B-4E72-840A-22B6544A56F7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/>
      </p:sp>
      <p:sp>
        <p:nvSpPr>
          <p:cNvPr id="9" name="Picture Placeholder 8" hidden="1">
            <a:extLst>
              <a:ext uri="{FF2B5EF4-FFF2-40B4-BE49-F238E27FC236}">
                <a16:creationId xmlns:a16="http://schemas.microsoft.com/office/drawing/2014/main" id="{B2D6290D-AF4F-4768-A421-D15042A91FC0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/>
      </p:sp>
      <p:sp>
        <p:nvSpPr>
          <p:cNvPr id="12" name="Picture Placeholder 11" hidden="1">
            <a:extLst>
              <a:ext uri="{FF2B5EF4-FFF2-40B4-BE49-F238E27FC236}">
                <a16:creationId xmlns:a16="http://schemas.microsoft.com/office/drawing/2014/main" id="{CECF1EBD-6759-488B-A7AA-B7C27785483B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/>
      </p:sp>
      <p:sp>
        <p:nvSpPr>
          <p:cNvPr id="13" name="Picture Placeholder 12" hidden="1">
            <a:extLst>
              <a:ext uri="{FF2B5EF4-FFF2-40B4-BE49-F238E27FC236}">
                <a16:creationId xmlns:a16="http://schemas.microsoft.com/office/drawing/2014/main" id="{1F9AF83E-7460-4626-9E10-A48E28CF1F3B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/>
      </p:sp>
      <p:sp>
        <p:nvSpPr>
          <p:cNvPr id="14" name="Picture Placeholder 13" hidden="1">
            <a:extLst>
              <a:ext uri="{FF2B5EF4-FFF2-40B4-BE49-F238E27FC236}">
                <a16:creationId xmlns:a16="http://schemas.microsoft.com/office/drawing/2014/main" id="{58E0EFF1-DB23-4FEF-8513-C43A8DECA295}"/>
              </a:ext>
            </a:extLst>
          </p:cNvPr>
          <p:cNvSpPr>
            <a:spLocks noGrp="1"/>
          </p:cNvSpPr>
          <p:nvPr>
            <p:ph type="pic" sz="quarter" idx="27"/>
          </p:nvPr>
        </p:nvSpPr>
        <p:spPr/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9AE62A70-EBCB-4815-B243-1209A0FAA1B4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/>
        <p:txBody>
          <a:bodyPr/>
          <a:lstStyle/>
          <a:p>
            <a:r>
              <a:rPr lang="en-US" dirty="0"/>
              <a:t>Customer Satisfaction</a:t>
            </a:r>
          </a:p>
          <a:p>
            <a:endParaRPr lang="pl-PL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EE672478-51E3-4496-BEF6-BBE5DBB94C29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/>
        <p:txBody>
          <a:bodyPr/>
          <a:lstStyle/>
          <a:p>
            <a:r>
              <a:rPr lang="en-US" dirty="0"/>
              <a:t>On Time Delivery</a:t>
            </a:r>
          </a:p>
          <a:p>
            <a:endParaRPr lang="pl-PL" dirty="0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5CA6D249-0C1B-4BE4-B33E-CB456DC7ECB1}"/>
              </a:ext>
            </a:extLst>
          </p:cNvPr>
          <p:cNvSpPr>
            <a:spLocks noGrp="1"/>
          </p:cNvSpPr>
          <p:nvPr>
            <p:ph type="body" sz="quarter" idx="28"/>
          </p:nvPr>
        </p:nvSpPr>
        <p:spPr/>
        <p:txBody>
          <a:bodyPr/>
          <a:lstStyle/>
          <a:p>
            <a:r>
              <a:rPr lang="en-US" dirty="0"/>
              <a:t>Quality</a:t>
            </a:r>
            <a:endParaRPr lang="pl-PL" dirty="0"/>
          </a:p>
        </p:txBody>
      </p:sp>
      <p:sp>
        <p:nvSpPr>
          <p:cNvPr id="16" name="Text Placeholder 15">
            <a:extLst>
              <a:ext uri="{FF2B5EF4-FFF2-40B4-BE49-F238E27FC236}">
                <a16:creationId xmlns:a16="http://schemas.microsoft.com/office/drawing/2014/main" id="{0AA66022-926A-43CA-B5C4-2166C344CD14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/>
        <p:txBody>
          <a:bodyPr/>
          <a:lstStyle/>
          <a:p>
            <a:r>
              <a:rPr lang="en-US" dirty="0"/>
              <a:t>Volumes</a:t>
            </a:r>
            <a:endParaRPr lang="pl-PL" dirty="0"/>
          </a:p>
        </p:txBody>
      </p:sp>
      <p:sp>
        <p:nvSpPr>
          <p:cNvPr id="17" name="Text Placeholder 16">
            <a:extLst>
              <a:ext uri="{FF2B5EF4-FFF2-40B4-BE49-F238E27FC236}">
                <a16:creationId xmlns:a16="http://schemas.microsoft.com/office/drawing/2014/main" id="{C885ACAC-8E17-4C0E-BF33-4E9D8075ADC5}"/>
              </a:ext>
            </a:extLst>
          </p:cNvPr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r>
              <a:rPr lang="en-US" dirty="0"/>
              <a:t>Case Ageing</a:t>
            </a:r>
          </a:p>
          <a:p>
            <a:endParaRPr lang="pl-PL" dirty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4D17BB11-3E54-449B-B1CD-D61822E75CEC}"/>
              </a:ext>
            </a:extLst>
          </p:cNvPr>
          <p:cNvSpPr>
            <a:spLocks noGrp="1"/>
          </p:cNvSpPr>
          <p:nvPr>
            <p:ph type="body" sz="quarter" idx="31"/>
          </p:nvPr>
        </p:nvSpPr>
        <p:spPr/>
        <p:txBody>
          <a:bodyPr/>
          <a:lstStyle/>
          <a:p>
            <a:r>
              <a:rPr lang="en-US" dirty="0"/>
              <a:t>Achievements &amp; Challenges</a:t>
            </a:r>
          </a:p>
          <a:p>
            <a:endParaRPr lang="pl-PL" dirty="0"/>
          </a:p>
        </p:txBody>
      </p:sp>
      <p:sp>
        <p:nvSpPr>
          <p:cNvPr id="19" name="Picture Placeholder 18">
            <a:extLst>
              <a:ext uri="{FF2B5EF4-FFF2-40B4-BE49-F238E27FC236}">
                <a16:creationId xmlns:a16="http://schemas.microsoft.com/office/drawing/2014/main" id="{AFA4E6EB-B6E4-4BB8-B4F6-9CAE7598E5D1}"/>
              </a:ext>
            </a:extLst>
          </p:cNvPr>
          <p:cNvSpPr>
            <a:spLocks noGrp="1"/>
          </p:cNvSpPr>
          <p:nvPr>
            <p:ph type="pic" sz="quarter" idx="38"/>
          </p:nvPr>
        </p:nvSpPr>
        <p:spPr/>
      </p:sp>
      <p:sp>
        <p:nvSpPr>
          <p:cNvPr id="20" name="Picture Placeholder 19">
            <a:extLst>
              <a:ext uri="{FF2B5EF4-FFF2-40B4-BE49-F238E27FC236}">
                <a16:creationId xmlns:a16="http://schemas.microsoft.com/office/drawing/2014/main" id="{24384FCF-3618-422E-8C27-ED44AB32278D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/>
      </p:sp>
      <p:sp>
        <p:nvSpPr>
          <p:cNvPr id="21" name="Picture Placeholder 20">
            <a:extLst>
              <a:ext uri="{FF2B5EF4-FFF2-40B4-BE49-F238E27FC236}">
                <a16:creationId xmlns:a16="http://schemas.microsoft.com/office/drawing/2014/main" id="{9D8CE06D-34B8-4F5E-8762-4E0D7E265E4B}"/>
              </a:ext>
            </a:extLst>
          </p:cNvPr>
          <p:cNvSpPr>
            <a:spLocks noGrp="1"/>
          </p:cNvSpPr>
          <p:nvPr>
            <p:ph type="pic" sz="quarter" idx="40"/>
          </p:nvPr>
        </p:nvSpPr>
        <p:spPr/>
      </p:sp>
      <p:sp>
        <p:nvSpPr>
          <p:cNvPr id="22" name="Picture Placeholder 21">
            <a:extLst>
              <a:ext uri="{FF2B5EF4-FFF2-40B4-BE49-F238E27FC236}">
                <a16:creationId xmlns:a16="http://schemas.microsoft.com/office/drawing/2014/main" id="{6273BBC5-E34F-4502-B173-AC05F085BA0F}"/>
              </a:ext>
            </a:extLst>
          </p:cNvPr>
          <p:cNvSpPr>
            <a:spLocks noGrp="1"/>
          </p:cNvSpPr>
          <p:nvPr>
            <p:ph type="pic" sz="quarter" idx="41"/>
          </p:nvPr>
        </p:nvSpPr>
        <p:spPr/>
      </p:sp>
      <p:sp>
        <p:nvSpPr>
          <p:cNvPr id="23" name="Picture Placeholder 22">
            <a:extLst>
              <a:ext uri="{FF2B5EF4-FFF2-40B4-BE49-F238E27FC236}">
                <a16:creationId xmlns:a16="http://schemas.microsoft.com/office/drawing/2014/main" id="{F0720E70-4706-463E-8CBF-099F4EC737E2}"/>
              </a:ext>
            </a:extLst>
          </p:cNvPr>
          <p:cNvSpPr>
            <a:spLocks noGrp="1"/>
          </p:cNvSpPr>
          <p:nvPr>
            <p:ph type="pic" sz="quarter" idx="42"/>
          </p:nvPr>
        </p:nvSpPr>
        <p:spPr/>
      </p:sp>
      <p:sp>
        <p:nvSpPr>
          <p:cNvPr id="24" name="Picture Placeholder 23">
            <a:extLst>
              <a:ext uri="{FF2B5EF4-FFF2-40B4-BE49-F238E27FC236}">
                <a16:creationId xmlns:a16="http://schemas.microsoft.com/office/drawing/2014/main" id="{3768FC63-4CDC-4F79-AA7B-5DB59CEAC1CC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/>
      </p:sp>
      <p:sp>
        <p:nvSpPr>
          <p:cNvPr id="25" name="ctry_range">
            <a:extLst>
              <a:ext uri="{FF2B5EF4-FFF2-40B4-BE49-F238E27FC236}">
                <a16:creationId xmlns:a16="http://schemas.microsoft.com/office/drawing/2014/main" id="{DA59042C-3234-45D2-A269-5EED2C5BD4E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5" y="187325"/>
            <a:ext cx="8856663" cy="434975"/>
          </a:xfrm>
        </p:spPr>
        <p:txBody>
          <a:bodyPr/>
          <a:lstStyle/>
          <a:p>
            <a:r>
              <a:rPr lang="pl-PL" dirty="0"/>
              <a:t>HR Operations</a:t>
            </a:r>
            <a:r>
              <a:rPr lang="en-US" dirty="0"/>
              <a:t> </a:t>
            </a:r>
            <a:r>
              <a:rPr lang="en-US" dirty="0">
                <a:solidFill>
                  <a:srgbClr val="D90000"/>
                </a:solidFill>
              </a:rPr>
              <a:t>Hub</a:t>
            </a:r>
            <a:r>
              <a:rPr lang="en-US" dirty="0"/>
              <a:t> | Talent </a:t>
            </a:r>
            <a:r>
              <a:rPr lang="en-US" dirty="0" err="1"/>
              <a:t>Acquisitio</a:t>
            </a:r>
            <a:r>
              <a:rPr lang="pl-PL" dirty="0"/>
              <a:t>n </a:t>
            </a:r>
            <a:endParaRPr lang="en-US" dirty="0"/>
          </a:p>
        </p:txBody>
      </p:sp>
      <p:sp>
        <p:nvSpPr>
          <p:cNvPr id="29" name="CSChart_Area">
            <a:extLst>
              <a:ext uri="{FF2B5EF4-FFF2-40B4-BE49-F238E27FC236}">
                <a16:creationId xmlns:a16="http://schemas.microsoft.com/office/drawing/2014/main" id="{0C6032D3-E8A5-4602-B8FA-E6AFEF3DCB04}"/>
              </a:ext>
            </a:extLst>
          </p:cNvPr>
          <p:cNvSpPr/>
          <p:nvPr/>
        </p:nvSpPr>
        <p:spPr bwMode="gray">
          <a:xfrm>
            <a:off x="263525" y="1125539"/>
            <a:ext cx="3679224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0" name="OTDChart_Area">
            <a:extLst>
              <a:ext uri="{FF2B5EF4-FFF2-40B4-BE49-F238E27FC236}">
                <a16:creationId xmlns:a16="http://schemas.microsoft.com/office/drawing/2014/main" id="{472EBBDD-D425-4F34-8418-815A26B24F98}"/>
              </a:ext>
            </a:extLst>
          </p:cNvPr>
          <p:cNvSpPr/>
          <p:nvPr/>
        </p:nvSpPr>
        <p:spPr bwMode="gray">
          <a:xfrm>
            <a:off x="4256388" y="1119402"/>
            <a:ext cx="3679224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1" name="QCChart_Area">
            <a:extLst>
              <a:ext uri="{FF2B5EF4-FFF2-40B4-BE49-F238E27FC236}">
                <a16:creationId xmlns:a16="http://schemas.microsoft.com/office/drawing/2014/main" id="{B05360B1-7BEE-4116-9A49-593DDEFF2B93}"/>
              </a:ext>
            </a:extLst>
          </p:cNvPr>
          <p:cNvSpPr/>
          <p:nvPr/>
        </p:nvSpPr>
        <p:spPr bwMode="gray">
          <a:xfrm>
            <a:off x="8256239" y="1119401"/>
            <a:ext cx="3672235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2" name="VLChart_Area">
            <a:extLst>
              <a:ext uri="{FF2B5EF4-FFF2-40B4-BE49-F238E27FC236}">
                <a16:creationId xmlns:a16="http://schemas.microsoft.com/office/drawing/2014/main" id="{DC6C337D-E42A-4D4F-A5E2-E061F446D4A7}"/>
              </a:ext>
            </a:extLst>
          </p:cNvPr>
          <p:cNvSpPr/>
          <p:nvPr/>
        </p:nvSpPr>
        <p:spPr bwMode="gray">
          <a:xfrm>
            <a:off x="270514" y="3861048"/>
            <a:ext cx="3666399" cy="1932336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3" name="CAChart_Area">
            <a:extLst>
              <a:ext uri="{FF2B5EF4-FFF2-40B4-BE49-F238E27FC236}">
                <a16:creationId xmlns:a16="http://schemas.microsoft.com/office/drawing/2014/main" id="{0CC4251D-54BD-40D3-9577-BE46B4FA0E13}"/>
              </a:ext>
            </a:extLst>
          </p:cNvPr>
          <p:cNvSpPr/>
          <p:nvPr/>
        </p:nvSpPr>
        <p:spPr bwMode="gray">
          <a:xfrm>
            <a:off x="4256152" y="3861047"/>
            <a:ext cx="3672236" cy="1932335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4" name="achievement_HUTA">
            <a:extLst>
              <a:ext uri="{FF2B5EF4-FFF2-40B4-BE49-F238E27FC236}">
                <a16:creationId xmlns:a16="http://schemas.microsoft.com/office/drawing/2014/main" id="{0422D2CB-1B14-4BB4-BC45-7008E739BA97}"/>
              </a:ext>
            </a:extLst>
          </p:cNvPr>
          <p:cNvSpPr txBox="1"/>
          <p:nvPr/>
        </p:nvSpPr>
        <p:spPr bwMode="gray">
          <a:xfrm>
            <a:off x="8247626" y="3861047"/>
            <a:ext cx="3673859" cy="1932334"/>
          </a:xfrm>
          <a:prstGeom prst="rect">
            <a:avLst/>
          </a:prstGeom>
          <a:noFill/>
          <a:ln>
            <a:solidFill>
              <a:schemeClr val="accent3"/>
            </a:solidFill>
          </a:ln>
        </p:spPr>
        <p:txBody>
          <a:bodyPr wrap="square" lIns="72000" tIns="72000" rIns="72000" bIns="72000" rtlCol="0">
            <a:noAutofit/>
          </a:bodyPr>
          <a:lstStyle/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</p:txBody>
      </p:sp>
      <p:sp>
        <p:nvSpPr>
          <p:cNvPr id="35" name="month_range">
            <a:extLst>
              <a:ext uri="{FF2B5EF4-FFF2-40B4-BE49-F238E27FC236}">
                <a16:creationId xmlns:a16="http://schemas.microsoft.com/office/drawing/2014/main" id="{1D7D9F96-7A50-4369-A5E6-3C00251C16E2}"/>
              </a:ext>
            </a:extLst>
          </p:cNvPr>
          <p:cNvSpPr txBox="1">
            <a:spLocks/>
          </p:cNvSpPr>
          <p:nvPr/>
        </p:nvSpPr>
        <p:spPr>
          <a:xfrm>
            <a:off x="333264" y="832727"/>
            <a:ext cx="11520000" cy="368987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0975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Performance Review for </a:t>
            </a:r>
            <a:r>
              <a:rPr lang="en-US" i="1" dirty="0"/>
              <a:t>Month, Year</a:t>
            </a:r>
          </a:p>
        </p:txBody>
      </p:sp>
    </p:spTree>
    <p:extLst>
      <p:ext uri="{BB962C8B-B14F-4D97-AF65-F5344CB8AC3E}">
        <p14:creationId xmlns:p14="http://schemas.microsoft.com/office/powerpoint/2010/main" val="4271794439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91A0D51-D3F5-4DA4-ACFA-2C8345203A5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1200" cap="none" spc="0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921E8D7-96A9-4889-ACFC-7D043D6E1CC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24EC536-6FE3-4540-8D85-74C58F0BF697}" type="slidenum">
              <a:rPr kumimoji="0" lang="en-US" sz="147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1</a:t>
            </a:fld>
            <a:endParaRPr kumimoji="0" lang="en-US" sz="147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7" name="Picture Placeholder 6" hidden="1">
            <a:extLst>
              <a:ext uri="{FF2B5EF4-FFF2-40B4-BE49-F238E27FC236}">
                <a16:creationId xmlns:a16="http://schemas.microsoft.com/office/drawing/2014/main" id="{96A22372-E057-4E19-86E8-D1DB0CDAC2A1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/>
      </p:sp>
      <p:sp>
        <p:nvSpPr>
          <p:cNvPr id="8" name="Picture Placeholder 7" hidden="1">
            <a:extLst>
              <a:ext uri="{FF2B5EF4-FFF2-40B4-BE49-F238E27FC236}">
                <a16:creationId xmlns:a16="http://schemas.microsoft.com/office/drawing/2014/main" id="{78B442AE-4A1B-4E72-840A-22B6544A56F7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/>
      </p:sp>
      <p:sp>
        <p:nvSpPr>
          <p:cNvPr id="9" name="Picture Placeholder 8" hidden="1">
            <a:extLst>
              <a:ext uri="{FF2B5EF4-FFF2-40B4-BE49-F238E27FC236}">
                <a16:creationId xmlns:a16="http://schemas.microsoft.com/office/drawing/2014/main" id="{B2D6290D-AF4F-4768-A421-D15042A91FC0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/>
      </p:sp>
      <p:sp>
        <p:nvSpPr>
          <p:cNvPr id="12" name="Picture Placeholder 11" hidden="1">
            <a:extLst>
              <a:ext uri="{FF2B5EF4-FFF2-40B4-BE49-F238E27FC236}">
                <a16:creationId xmlns:a16="http://schemas.microsoft.com/office/drawing/2014/main" id="{CECF1EBD-6759-488B-A7AA-B7C27785483B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/>
      </p:sp>
      <p:sp>
        <p:nvSpPr>
          <p:cNvPr id="13" name="Picture Placeholder 12" hidden="1">
            <a:extLst>
              <a:ext uri="{FF2B5EF4-FFF2-40B4-BE49-F238E27FC236}">
                <a16:creationId xmlns:a16="http://schemas.microsoft.com/office/drawing/2014/main" id="{1F9AF83E-7460-4626-9E10-A48E28CF1F3B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/>
      </p:sp>
      <p:sp>
        <p:nvSpPr>
          <p:cNvPr id="14" name="Picture Placeholder 13" hidden="1">
            <a:extLst>
              <a:ext uri="{FF2B5EF4-FFF2-40B4-BE49-F238E27FC236}">
                <a16:creationId xmlns:a16="http://schemas.microsoft.com/office/drawing/2014/main" id="{58E0EFF1-DB23-4FEF-8513-C43A8DECA295}"/>
              </a:ext>
            </a:extLst>
          </p:cNvPr>
          <p:cNvSpPr>
            <a:spLocks noGrp="1"/>
          </p:cNvSpPr>
          <p:nvPr>
            <p:ph type="pic" sz="quarter" idx="27"/>
          </p:nvPr>
        </p:nvSpPr>
        <p:spPr/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9AE62A70-EBCB-4815-B243-1209A0FAA1B4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/>
        <p:txBody>
          <a:bodyPr/>
          <a:lstStyle/>
          <a:p>
            <a:r>
              <a:rPr lang="en-US" dirty="0"/>
              <a:t>Customer Satisfaction</a:t>
            </a:r>
          </a:p>
          <a:p>
            <a:endParaRPr lang="pl-PL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EE672478-51E3-4496-BEF6-BBE5DBB94C29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/>
        <p:txBody>
          <a:bodyPr/>
          <a:lstStyle/>
          <a:p>
            <a:r>
              <a:rPr lang="en-US" dirty="0"/>
              <a:t>On Time Delivery</a:t>
            </a:r>
          </a:p>
          <a:p>
            <a:endParaRPr lang="pl-PL" dirty="0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5CA6D249-0C1B-4BE4-B33E-CB456DC7ECB1}"/>
              </a:ext>
            </a:extLst>
          </p:cNvPr>
          <p:cNvSpPr>
            <a:spLocks noGrp="1"/>
          </p:cNvSpPr>
          <p:nvPr>
            <p:ph type="body" sz="quarter" idx="28"/>
          </p:nvPr>
        </p:nvSpPr>
        <p:spPr/>
        <p:txBody>
          <a:bodyPr/>
          <a:lstStyle/>
          <a:p>
            <a:r>
              <a:rPr lang="en-US" dirty="0"/>
              <a:t>Quality</a:t>
            </a:r>
            <a:endParaRPr lang="pl-PL" dirty="0"/>
          </a:p>
        </p:txBody>
      </p:sp>
      <p:sp>
        <p:nvSpPr>
          <p:cNvPr id="16" name="Text Placeholder 15">
            <a:extLst>
              <a:ext uri="{FF2B5EF4-FFF2-40B4-BE49-F238E27FC236}">
                <a16:creationId xmlns:a16="http://schemas.microsoft.com/office/drawing/2014/main" id="{0AA66022-926A-43CA-B5C4-2166C344CD14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/>
        <p:txBody>
          <a:bodyPr/>
          <a:lstStyle/>
          <a:p>
            <a:r>
              <a:rPr lang="en-US" dirty="0"/>
              <a:t>Volumes</a:t>
            </a:r>
            <a:endParaRPr lang="pl-PL" dirty="0"/>
          </a:p>
        </p:txBody>
      </p:sp>
      <p:sp>
        <p:nvSpPr>
          <p:cNvPr id="17" name="Text Placeholder 16">
            <a:extLst>
              <a:ext uri="{FF2B5EF4-FFF2-40B4-BE49-F238E27FC236}">
                <a16:creationId xmlns:a16="http://schemas.microsoft.com/office/drawing/2014/main" id="{C885ACAC-8E17-4C0E-BF33-4E9D8075ADC5}"/>
              </a:ext>
            </a:extLst>
          </p:cNvPr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r>
              <a:rPr lang="en-US" dirty="0"/>
              <a:t>Case Ageing</a:t>
            </a:r>
          </a:p>
          <a:p>
            <a:endParaRPr lang="pl-PL" dirty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4D17BB11-3E54-449B-B1CD-D61822E75CEC}"/>
              </a:ext>
            </a:extLst>
          </p:cNvPr>
          <p:cNvSpPr>
            <a:spLocks noGrp="1"/>
          </p:cNvSpPr>
          <p:nvPr>
            <p:ph type="body" sz="quarter" idx="31"/>
          </p:nvPr>
        </p:nvSpPr>
        <p:spPr/>
        <p:txBody>
          <a:bodyPr/>
          <a:lstStyle/>
          <a:p>
            <a:r>
              <a:rPr lang="en-US" dirty="0"/>
              <a:t>Achievements &amp; Challenges</a:t>
            </a:r>
          </a:p>
          <a:p>
            <a:endParaRPr lang="pl-PL" dirty="0"/>
          </a:p>
        </p:txBody>
      </p:sp>
      <p:sp>
        <p:nvSpPr>
          <p:cNvPr id="19" name="Picture Placeholder 18">
            <a:extLst>
              <a:ext uri="{FF2B5EF4-FFF2-40B4-BE49-F238E27FC236}">
                <a16:creationId xmlns:a16="http://schemas.microsoft.com/office/drawing/2014/main" id="{AFA4E6EB-B6E4-4BB8-B4F6-9CAE7598E5D1}"/>
              </a:ext>
            </a:extLst>
          </p:cNvPr>
          <p:cNvSpPr>
            <a:spLocks noGrp="1"/>
          </p:cNvSpPr>
          <p:nvPr>
            <p:ph type="pic" sz="quarter" idx="38"/>
          </p:nvPr>
        </p:nvSpPr>
        <p:spPr/>
      </p:sp>
      <p:sp>
        <p:nvSpPr>
          <p:cNvPr id="20" name="Picture Placeholder 19">
            <a:extLst>
              <a:ext uri="{FF2B5EF4-FFF2-40B4-BE49-F238E27FC236}">
                <a16:creationId xmlns:a16="http://schemas.microsoft.com/office/drawing/2014/main" id="{24384FCF-3618-422E-8C27-ED44AB32278D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/>
      </p:sp>
      <p:sp>
        <p:nvSpPr>
          <p:cNvPr id="21" name="Picture Placeholder 20">
            <a:extLst>
              <a:ext uri="{FF2B5EF4-FFF2-40B4-BE49-F238E27FC236}">
                <a16:creationId xmlns:a16="http://schemas.microsoft.com/office/drawing/2014/main" id="{9D8CE06D-34B8-4F5E-8762-4E0D7E265E4B}"/>
              </a:ext>
            </a:extLst>
          </p:cNvPr>
          <p:cNvSpPr>
            <a:spLocks noGrp="1"/>
          </p:cNvSpPr>
          <p:nvPr>
            <p:ph type="pic" sz="quarter" idx="40"/>
          </p:nvPr>
        </p:nvSpPr>
        <p:spPr/>
      </p:sp>
      <p:sp>
        <p:nvSpPr>
          <p:cNvPr id="22" name="Picture Placeholder 21">
            <a:extLst>
              <a:ext uri="{FF2B5EF4-FFF2-40B4-BE49-F238E27FC236}">
                <a16:creationId xmlns:a16="http://schemas.microsoft.com/office/drawing/2014/main" id="{6273BBC5-E34F-4502-B173-AC05F085BA0F}"/>
              </a:ext>
            </a:extLst>
          </p:cNvPr>
          <p:cNvSpPr>
            <a:spLocks noGrp="1"/>
          </p:cNvSpPr>
          <p:nvPr>
            <p:ph type="pic" sz="quarter" idx="41"/>
          </p:nvPr>
        </p:nvSpPr>
        <p:spPr/>
      </p:sp>
      <p:sp>
        <p:nvSpPr>
          <p:cNvPr id="23" name="Picture Placeholder 22">
            <a:extLst>
              <a:ext uri="{FF2B5EF4-FFF2-40B4-BE49-F238E27FC236}">
                <a16:creationId xmlns:a16="http://schemas.microsoft.com/office/drawing/2014/main" id="{F0720E70-4706-463E-8CBF-099F4EC737E2}"/>
              </a:ext>
            </a:extLst>
          </p:cNvPr>
          <p:cNvSpPr>
            <a:spLocks noGrp="1"/>
          </p:cNvSpPr>
          <p:nvPr>
            <p:ph type="pic" sz="quarter" idx="42"/>
          </p:nvPr>
        </p:nvSpPr>
        <p:spPr/>
      </p:sp>
      <p:sp>
        <p:nvSpPr>
          <p:cNvPr id="24" name="Picture Placeholder 23">
            <a:extLst>
              <a:ext uri="{FF2B5EF4-FFF2-40B4-BE49-F238E27FC236}">
                <a16:creationId xmlns:a16="http://schemas.microsoft.com/office/drawing/2014/main" id="{3768FC63-4CDC-4F79-AA7B-5DB59CEAC1CC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/>
      </p:sp>
      <p:sp>
        <p:nvSpPr>
          <p:cNvPr id="25" name="ctry_range">
            <a:extLst>
              <a:ext uri="{FF2B5EF4-FFF2-40B4-BE49-F238E27FC236}">
                <a16:creationId xmlns:a16="http://schemas.microsoft.com/office/drawing/2014/main" id="{DA59042C-3234-45D2-A269-5EED2C5BD4E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5" y="187325"/>
            <a:ext cx="8856663" cy="434975"/>
          </a:xfrm>
        </p:spPr>
        <p:txBody>
          <a:bodyPr/>
          <a:lstStyle/>
          <a:p>
            <a:r>
              <a:rPr lang="pl-PL" dirty="0"/>
              <a:t>HR Operations</a:t>
            </a:r>
            <a:r>
              <a:rPr lang="en-US" dirty="0"/>
              <a:t> </a:t>
            </a:r>
            <a:r>
              <a:rPr lang="en-US" dirty="0">
                <a:solidFill>
                  <a:srgbClr val="D90000"/>
                </a:solidFill>
              </a:rPr>
              <a:t>Hub</a:t>
            </a:r>
            <a:r>
              <a:rPr lang="en-US" dirty="0"/>
              <a:t> | Talent </a:t>
            </a:r>
            <a:r>
              <a:rPr lang="en-US" dirty="0" err="1"/>
              <a:t>Acquisitio</a:t>
            </a:r>
            <a:r>
              <a:rPr lang="pl-PL" dirty="0"/>
              <a:t>n </a:t>
            </a:r>
            <a:endParaRPr lang="en-US" dirty="0"/>
          </a:p>
        </p:txBody>
      </p:sp>
      <p:sp>
        <p:nvSpPr>
          <p:cNvPr id="29" name="CSChart_Area">
            <a:extLst>
              <a:ext uri="{FF2B5EF4-FFF2-40B4-BE49-F238E27FC236}">
                <a16:creationId xmlns:a16="http://schemas.microsoft.com/office/drawing/2014/main" id="{0C6032D3-E8A5-4602-B8FA-E6AFEF3DCB04}"/>
              </a:ext>
            </a:extLst>
          </p:cNvPr>
          <p:cNvSpPr/>
          <p:nvPr/>
        </p:nvSpPr>
        <p:spPr bwMode="gray">
          <a:xfrm>
            <a:off x="263525" y="1125539"/>
            <a:ext cx="3679224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0" name="OTDChart_Area">
            <a:extLst>
              <a:ext uri="{FF2B5EF4-FFF2-40B4-BE49-F238E27FC236}">
                <a16:creationId xmlns:a16="http://schemas.microsoft.com/office/drawing/2014/main" id="{472EBBDD-D425-4F34-8418-815A26B24F98}"/>
              </a:ext>
            </a:extLst>
          </p:cNvPr>
          <p:cNvSpPr/>
          <p:nvPr/>
        </p:nvSpPr>
        <p:spPr bwMode="gray">
          <a:xfrm>
            <a:off x="4256388" y="1119402"/>
            <a:ext cx="3679224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1" name="QCChart_Area">
            <a:extLst>
              <a:ext uri="{FF2B5EF4-FFF2-40B4-BE49-F238E27FC236}">
                <a16:creationId xmlns:a16="http://schemas.microsoft.com/office/drawing/2014/main" id="{B05360B1-7BEE-4116-9A49-593DDEFF2B93}"/>
              </a:ext>
            </a:extLst>
          </p:cNvPr>
          <p:cNvSpPr/>
          <p:nvPr/>
        </p:nvSpPr>
        <p:spPr bwMode="gray">
          <a:xfrm>
            <a:off x="8256239" y="1119401"/>
            <a:ext cx="3672235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2" name="VLChart_Area">
            <a:extLst>
              <a:ext uri="{FF2B5EF4-FFF2-40B4-BE49-F238E27FC236}">
                <a16:creationId xmlns:a16="http://schemas.microsoft.com/office/drawing/2014/main" id="{DC6C337D-E42A-4D4F-A5E2-E061F446D4A7}"/>
              </a:ext>
            </a:extLst>
          </p:cNvPr>
          <p:cNvSpPr/>
          <p:nvPr/>
        </p:nvSpPr>
        <p:spPr bwMode="gray">
          <a:xfrm>
            <a:off x="270514" y="3861048"/>
            <a:ext cx="3666399" cy="1932336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3" name="CAChart_Area">
            <a:extLst>
              <a:ext uri="{FF2B5EF4-FFF2-40B4-BE49-F238E27FC236}">
                <a16:creationId xmlns:a16="http://schemas.microsoft.com/office/drawing/2014/main" id="{0CC4251D-54BD-40D3-9577-BE46B4FA0E13}"/>
              </a:ext>
            </a:extLst>
          </p:cNvPr>
          <p:cNvSpPr/>
          <p:nvPr/>
        </p:nvSpPr>
        <p:spPr bwMode="gray">
          <a:xfrm>
            <a:off x="4256152" y="3861047"/>
            <a:ext cx="3672236" cy="1932335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4" name="achievement_HUTA">
            <a:extLst>
              <a:ext uri="{FF2B5EF4-FFF2-40B4-BE49-F238E27FC236}">
                <a16:creationId xmlns:a16="http://schemas.microsoft.com/office/drawing/2014/main" id="{0422D2CB-1B14-4BB4-BC45-7008E739BA97}"/>
              </a:ext>
            </a:extLst>
          </p:cNvPr>
          <p:cNvSpPr txBox="1"/>
          <p:nvPr/>
        </p:nvSpPr>
        <p:spPr bwMode="gray">
          <a:xfrm>
            <a:off x="8247626" y="3861047"/>
            <a:ext cx="3673859" cy="1932334"/>
          </a:xfrm>
          <a:prstGeom prst="rect">
            <a:avLst/>
          </a:prstGeom>
          <a:noFill/>
          <a:ln>
            <a:solidFill>
              <a:schemeClr val="accent3"/>
            </a:solidFill>
          </a:ln>
        </p:spPr>
        <p:txBody>
          <a:bodyPr wrap="square" lIns="72000" tIns="72000" rIns="72000" bIns="72000" rtlCol="0">
            <a:noAutofit/>
          </a:bodyPr>
          <a:lstStyle/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</p:txBody>
      </p:sp>
      <p:sp>
        <p:nvSpPr>
          <p:cNvPr id="35" name="month_range">
            <a:extLst>
              <a:ext uri="{FF2B5EF4-FFF2-40B4-BE49-F238E27FC236}">
                <a16:creationId xmlns:a16="http://schemas.microsoft.com/office/drawing/2014/main" id="{1D7D9F96-7A50-4369-A5E6-3C00251C16E2}"/>
              </a:ext>
            </a:extLst>
          </p:cNvPr>
          <p:cNvSpPr txBox="1">
            <a:spLocks/>
          </p:cNvSpPr>
          <p:nvPr/>
        </p:nvSpPr>
        <p:spPr>
          <a:xfrm>
            <a:off x="333264" y="832727"/>
            <a:ext cx="11520000" cy="368987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0975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Performance Review for </a:t>
            </a:r>
            <a:r>
              <a:rPr lang="en-US" i="1" dirty="0"/>
              <a:t>Month, Year</a:t>
            </a:r>
          </a:p>
        </p:txBody>
      </p:sp>
    </p:spTree>
    <p:extLst>
      <p:ext uri="{BB962C8B-B14F-4D97-AF65-F5344CB8AC3E}">
        <p14:creationId xmlns:p14="http://schemas.microsoft.com/office/powerpoint/2010/main" val="1824008757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91A0D51-D3F5-4DA4-ACFA-2C8345203A5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1200" cap="none" spc="0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921E8D7-96A9-4889-ACFC-7D043D6E1CC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24EC536-6FE3-4540-8D85-74C58F0BF697}" type="slidenum">
              <a:rPr kumimoji="0" lang="en-US" sz="147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2</a:t>
            </a:fld>
            <a:endParaRPr kumimoji="0" lang="en-US" sz="147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7" name="Picture Placeholder 6" hidden="1">
            <a:extLst>
              <a:ext uri="{FF2B5EF4-FFF2-40B4-BE49-F238E27FC236}">
                <a16:creationId xmlns:a16="http://schemas.microsoft.com/office/drawing/2014/main" id="{96A22372-E057-4E19-86E8-D1DB0CDAC2A1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/>
      </p:sp>
      <p:sp>
        <p:nvSpPr>
          <p:cNvPr id="8" name="Picture Placeholder 7" hidden="1">
            <a:extLst>
              <a:ext uri="{FF2B5EF4-FFF2-40B4-BE49-F238E27FC236}">
                <a16:creationId xmlns:a16="http://schemas.microsoft.com/office/drawing/2014/main" id="{78B442AE-4A1B-4E72-840A-22B6544A56F7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/>
      </p:sp>
      <p:sp>
        <p:nvSpPr>
          <p:cNvPr id="9" name="Picture Placeholder 8" hidden="1">
            <a:extLst>
              <a:ext uri="{FF2B5EF4-FFF2-40B4-BE49-F238E27FC236}">
                <a16:creationId xmlns:a16="http://schemas.microsoft.com/office/drawing/2014/main" id="{B2D6290D-AF4F-4768-A421-D15042A91FC0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/>
      </p:sp>
      <p:sp>
        <p:nvSpPr>
          <p:cNvPr id="12" name="Picture Placeholder 11" hidden="1">
            <a:extLst>
              <a:ext uri="{FF2B5EF4-FFF2-40B4-BE49-F238E27FC236}">
                <a16:creationId xmlns:a16="http://schemas.microsoft.com/office/drawing/2014/main" id="{CECF1EBD-6759-488B-A7AA-B7C27785483B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/>
      </p:sp>
      <p:sp>
        <p:nvSpPr>
          <p:cNvPr id="13" name="Picture Placeholder 12" hidden="1">
            <a:extLst>
              <a:ext uri="{FF2B5EF4-FFF2-40B4-BE49-F238E27FC236}">
                <a16:creationId xmlns:a16="http://schemas.microsoft.com/office/drawing/2014/main" id="{1F9AF83E-7460-4626-9E10-A48E28CF1F3B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/>
      </p:sp>
      <p:sp>
        <p:nvSpPr>
          <p:cNvPr id="14" name="Picture Placeholder 13" hidden="1">
            <a:extLst>
              <a:ext uri="{FF2B5EF4-FFF2-40B4-BE49-F238E27FC236}">
                <a16:creationId xmlns:a16="http://schemas.microsoft.com/office/drawing/2014/main" id="{58E0EFF1-DB23-4FEF-8513-C43A8DECA295}"/>
              </a:ext>
            </a:extLst>
          </p:cNvPr>
          <p:cNvSpPr>
            <a:spLocks noGrp="1"/>
          </p:cNvSpPr>
          <p:nvPr>
            <p:ph type="pic" sz="quarter" idx="27"/>
          </p:nvPr>
        </p:nvSpPr>
        <p:spPr/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9AE62A70-EBCB-4815-B243-1209A0FAA1B4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/>
        <p:txBody>
          <a:bodyPr/>
          <a:lstStyle/>
          <a:p>
            <a:r>
              <a:rPr lang="en-US" dirty="0"/>
              <a:t>Customer Satisfaction</a:t>
            </a:r>
          </a:p>
          <a:p>
            <a:endParaRPr lang="pl-PL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EE672478-51E3-4496-BEF6-BBE5DBB94C29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/>
        <p:txBody>
          <a:bodyPr/>
          <a:lstStyle/>
          <a:p>
            <a:r>
              <a:rPr lang="en-US" dirty="0"/>
              <a:t>On Time Delivery</a:t>
            </a:r>
          </a:p>
          <a:p>
            <a:endParaRPr lang="pl-PL" dirty="0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5CA6D249-0C1B-4BE4-B33E-CB456DC7ECB1}"/>
              </a:ext>
            </a:extLst>
          </p:cNvPr>
          <p:cNvSpPr>
            <a:spLocks noGrp="1"/>
          </p:cNvSpPr>
          <p:nvPr>
            <p:ph type="body" sz="quarter" idx="28"/>
          </p:nvPr>
        </p:nvSpPr>
        <p:spPr/>
        <p:txBody>
          <a:bodyPr/>
          <a:lstStyle/>
          <a:p>
            <a:r>
              <a:rPr lang="en-US" dirty="0"/>
              <a:t>Quality</a:t>
            </a:r>
            <a:endParaRPr lang="pl-PL" dirty="0"/>
          </a:p>
        </p:txBody>
      </p:sp>
      <p:sp>
        <p:nvSpPr>
          <p:cNvPr id="16" name="Text Placeholder 15">
            <a:extLst>
              <a:ext uri="{FF2B5EF4-FFF2-40B4-BE49-F238E27FC236}">
                <a16:creationId xmlns:a16="http://schemas.microsoft.com/office/drawing/2014/main" id="{0AA66022-926A-43CA-B5C4-2166C344CD14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/>
        <p:txBody>
          <a:bodyPr/>
          <a:lstStyle/>
          <a:p>
            <a:r>
              <a:rPr lang="en-US" dirty="0"/>
              <a:t>Volumes</a:t>
            </a:r>
            <a:endParaRPr lang="pl-PL" dirty="0"/>
          </a:p>
        </p:txBody>
      </p:sp>
      <p:sp>
        <p:nvSpPr>
          <p:cNvPr id="17" name="Text Placeholder 16">
            <a:extLst>
              <a:ext uri="{FF2B5EF4-FFF2-40B4-BE49-F238E27FC236}">
                <a16:creationId xmlns:a16="http://schemas.microsoft.com/office/drawing/2014/main" id="{C885ACAC-8E17-4C0E-BF33-4E9D8075ADC5}"/>
              </a:ext>
            </a:extLst>
          </p:cNvPr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r>
              <a:rPr lang="en-US" dirty="0"/>
              <a:t>Case Ageing</a:t>
            </a:r>
          </a:p>
          <a:p>
            <a:endParaRPr lang="pl-PL" dirty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4D17BB11-3E54-449B-B1CD-D61822E75CEC}"/>
              </a:ext>
            </a:extLst>
          </p:cNvPr>
          <p:cNvSpPr>
            <a:spLocks noGrp="1"/>
          </p:cNvSpPr>
          <p:nvPr>
            <p:ph type="body" sz="quarter" idx="31"/>
          </p:nvPr>
        </p:nvSpPr>
        <p:spPr/>
        <p:txBody>
          <a:bodyPr/>
          <a:lstStyle/>
          <a:p>
            <a:r>
              <a:rPr lang="en-US" dirty="0"/>
              <a:t>Achievements &amp; Challenges</a:t>
            </a:r>
          </a:p>
          <a:p>
            <a:endParaRPr lang="pl-PL" dirty="0"/>
          </a:p>
        </p:txBody>
      </p:sp>
      <p:sp>
        <p:nvSpPr>
          <p:cNvPr id="19" name="Picture Placeholder 18">
            <a:extLst>
              <a:ext uri="{FF2B5EF4-FFF2-40B4-BE49-F238E27FC236}">
                <a16:creationId xmlns:a16="http://schemas.microsoft.com/office/drawing/2014/main" id="{AFA4E6EB-B6E4-4BB8-B4F6-9CAE7598E5D1}"/>
              </a:ext>
            </a:extLst>
          </p:cNvPr>
          <p:cNvSpPr>
            <a:spLocks noGrp="1"/>
          </p:cNvSpPr>
          <p:nvPr>
            <p:ph type="pic" sz="quarter" idx="38"/>
          </p:nvPr>
        </p:nvSpPr>
        <p:spPr/>
      </p:sp>
      <p:sp>
        <p:nvSpPr>
          <p:cNvPr id="20" name="Picture Placeholder 19">
            <a:extLst>
              <a:ext uri="{FF2B5EF4-FFF2-40B4-BE49-F238E27FC236}">
                <a16:creationId xmlns:a16="http://schemas.microsoft.com/office/drawing/2014/main" id="{24384FCF-3618-422E-8C27-ED44AB32278D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/>
      </p:sp>
      <p:sp>
        <p:nvSpPr>
          <p:cNvPr id="21" name="Picture Placeholder 20">
            <a:extLst>
              <a:ext uri="{FF2B5EF4-FFF2-40B4-BE49-F238E27FC236}">
                <a16:creationId xmlns:a16="http://schemas.microsoft.com/office/drawing/2014/main" id="{9D8CE06D-34B8-4F5E-8762-4E0D7E265E4B}"/>
              </a:ext>
            </a:extLst>
          </p:cNvPr>
          <p:cNvSpPr>
            <a:spLocks noGrp="1"/>
          </p:cNvSpPr>
          <p:nvPr>
            <p:ph type="pic" sz="quarter" idx="40"/>
          </p:nvPr>
        </p:nvSpPr>
        <p:spPr/>
      </p:sp>
      <p:sp>
        <p:nvSpPr>
          <p:cNvPr id="22" name="Picture Placeholder 21">
            <a:extLst>
              <a:ext uri="{FF2B5EF4-FFF2-40B4-BE49-F238E27FC236}">
                <a16:creationId xmlns:a16="http://schemas.microsoft.com/office/drawing/2014/main" id="{6273BBC5-E34F-4502-B173-AC05F085BA0F}"/>
              </a:ext>
            </a:extLst>
          </p:cNvPr>
          <p:cNvSpPr>
            <a:spLocks noGrp="1"/>
          </p:cNvSpPr>
          <p:nvPr>
            <p:ph type="pic" sz="quarter" idx="41"/>
          </p:nvPr>
        </p:nvSpPr>
        <p:spPr/>
      </p:sp>
      <p:sp>
        <p:nvSpPr>
          <p:cNvPr id="23" name="Picture Placeholder 22">
            <a:extLst>
              <a:ext uri="{FF2B5EF4-FFF2-40B4-BE49-F238E27FC236}">
                <a16:creationId xmlns:a16="http://schemas.microsoft.com/office/drawing/2014/main" id="{F0720E70-4706-463E-8CBF-099F4EC737E2}"/>
              </a:ext>
            </a:extLst>
          </p:cNvPr>
          <p:cNvSpPr>
            <a:spLocks noGrp="1"/>
          </p:cNvSpPr>
          <p:nvPr>
            <p:ph type="pic" sz="quarter" idx="42"/>
          </p:nvPr>
        </p:nvSpPr>
        <p:spPr/>
      </p:sp>
      <p:sp>
        <p:nvSpPr>
          <p:cNvPr id="24" name="Picture Placeholder 23">
            <a:extLst>
              <a:ext uri="{FF2B5EF4-FFF2-40B4-BE49-F238E27FC236}">
                <a16:creationId xmlns:a16="http://schemas.microsoft.com/office/drawing/2014/main" id="{3768FC63-4CDC-4F79-AA7B-5DB59CEAC1CC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/>
      </p:sp>
      <p:sp>
        <p:nvSpPr>
          <p:cNvPr id="25" name="ctry_range">
            <a:extLst>
              <a:ext uri="{FF2B5EF4-FFF2-40B4-BE49-F238E27FC236}">
                <a16:creationId xmlns:a16="http://schemas.microsoft.com/office/drawing/2014/main" id="{DA59042C-3234-45D2-A269-5EED2C5BD4E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5" y="187325"/>
            <a:ext cx="8856663" cy="434975"/>
          </a:xfrm>
        </p:spPr>
        <p:txBody>
          <a:bodyPr/>
          <a:lstStyle/>
          <a:p>
            <a:r>
              <a:rPr lang="pl-PL" dirty="0"/>
              <a:t>HR Operations</a:t>
            </a:r>
            <a:r>
              <a:rPr lang="en-US" dirty="0"/>
              <a:t> </a:t>
            </a:r>
            <a:r>
              <a:rPr lang="en-US" dirty="0">
                <a:solidFill>
                  <a:srgbClr val="D90000"/>
                </a:solidFill>
              </a:rPr>
              <a:t>Hub</a:t>
            </a:r>
            <a:r>
              <a:rPr lang="en-US" dirty="0"/>
              <a:t> | Talent </a:t>
            </a:r>
            <a:r>
              <a:rPr lang="en-US" dirty="0" err="1"/>
              <a:t>Acquisitio</a:t>
            </a:r>
            <a:r>
              <a:rPr lang="pl-PL" dirty="0"/>
              <a:t>n </a:t>
            </a:r>
            <a:endParaRPr lang="en-US" dirty="0"/>
          </a:p>
        </p:txBody>
      </p:sp>
      <p:sp>
        <p:nvSpPr>
          <p:cNvPr id="29" name="CSChart_Area">
            <a:extLst>
              <a:ext uri="{FF2B5EF4-FFF2-40B4-BE49-F238E27FC236}">
                <a16:creationId xmlns:a16="http://schemas.microsoft.com/office/drawing/2014/main" id="{0C6032D3-E8A5-4602-B8FA-E6AFEF3DCB04}"/>
              </a:ext>
            </a:extLst>
          </p:cNvPr>
          <p:cNvSpPr/>
          <p:nvPr/>
        </p:nvSpPr>
        <p:spPr bwMode="gray">
          <a:xfrm>
            <a:off x="263525" y="1125539"/>
            <a:ext cx="3679224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0" name="OTDChart_Area">
            <a:extLst>
              <a:ext uri="{FF2B5EF4-FFF2-40B4-BE49-F238E27FC236}">
                <a16:creationId xmlns:a16="http://schemas.microsoft.com/office/drawing/2014/main" id="{472EBBDD-D425-4F34-8418-815A26B24F98}"/>
              </a:ext>
            </a:extLst>
          </p:cNvPr>
          <p:cNvSpPr/>
          <p:nvPr/>
        </p:nvSpPr>
        <p:spPr bwMode="gray">
          <a:xfrm>
            <a:off x="4256388" y="1119402"/>
            <a:ext cx="3679224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1" name="QCChart_Area">
            <a:extLst>
              <a:ext uri="{FF2B5EF4-FFF2-40B4-BE49-F238E27FC236}">
                <a16:creationId xmlns:a16="http://schemas.microsoft.com/office/drawing/2014/main" id="{B05360B1-7BEE-4116-9A49-593DDEFF2B93}"/>
              </a:ext>
            </a:extLst>
          </p:cNvPr>
          <p:cNvSpPr/>
          <p:nvPr/>
        </p:nvSpPr>
        <p:spPr bwMode="gray">
          <a:xfrm>
            <a:off x="8256239" y="1119401"/>
            <a:ext cx="3672235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2" name="VLChart_Area">
            <a:extLst>
              <a:ext uri="{FF2B5EF4-FFF2-40B4-BE49-F238E27FC236}">
                <a16:creationId xmlns:a16="http://schemas.microsoft.com/office/drawing/2014/main" id="{DC6C337D-E42A-4D4F-A5E2-E061F446D4A7}"/>
              </a:ext>
            </a:extLst>
          </p:cNvPr>
          <p:cNvSpPr/>
          <p:nvPr/>
        </p:nvSpPr>
        <p:spPr bwMode="gray">
          <a:xfrm>
            <a:off x="270514" y="3861048"/>
            <a:ext cx="3666399" cy="1932336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3" name="CAChart_Area">
            <a:extLst>
              <a:ext uri="{FF2B5EF4-FFF2-40B4-BE49-F238E27FC236}">
                <a16:creationId xmlns:a16="http://schemas.microsoft.com/office/drawing/2014/main" id="{0CC4251D-54BD-40D3-9577-BE46B4FA0E13}"/>
              </a:ext>
            </a:extLst>
          </p:cNvPr>
          <p:cNvSpPr/>
          <p:nvPr/>
        </p:nvSpPr>
        <p:spPr bwMode="gray">
          <a:xfrm>
            <a:off x="4256152" y="3861047"/>
            <a:ext cx="3672236" cy="1932335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4" name="achievement_HUTA">
            <a:extLst>
              <a:ext uri="{FF2B5EF4-FFF2-40B4-BE49-F238E27FC236}">
                <a16:creationId xmlns:a16="http://schemas.microsoft.com/office/drawing/2014/main" id="{0422D2CB-1B14-4BB4-BC45-7008E739BA97}"/>
              </a:ext>
            </a:extLst>
          </p:cNvPr>
          <p:cNvSpPr txBox="1"/>
          <p:nvPr/>
        </p:nvSpPr>
        <p:spPr bwMode="gray">
          <a:xfrm>
            <a:off x="8247626" y="3861047"/>
            <a:ext cx="3673859" cy="1932334"/>
          </a:xfrm>
          <a:prstGeom prst="rect">
            <a:avLst/>
          </a:prstGeom>
          <a:noFill/>
          <a:ln>
            <a:solidFill>
              <a:schemeClr val="accent3"/>
            </a:solidFill>
          </a:ln>
        </p:spPr>
        <p:txBody>
          <a:bodyPr wrap="square" lIns="72000" tIns="72000" rIns="72000" bIns="72000" rtlCol="0">
            <a:noAutofit/>
          </a:bodyPr>
          <a:lstStyle/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</p:txBody>
      </p:sp>
      <p:sp>
        <p:nvSpPr>
          <p:cNvPr id="35" name="month_range">
            <a:extLst>
              <a:ext uri="{FF2B5EF4-FFF2-40B4-BE49-F238E27FC236}">
                <a16:creationId xmlns:a16="http://schemas.microsoft.com/office/drawing/2014/main" id="{1D7D9F96-7A50-4369-A5E6-3C00251C16E2}"/>
              </a:ext>
            </a:extLst>
          </p:cNvPr>
          <p:cNvSpPr txBox="1">
            <a:spLocks/>
          </p:cNvSpPr>
          <p:nvPr/>
        </p:nvSpPr>
        <p:spPr>
          <a:xfrm>
            <a:off x="333264" y="832727"/>
            <a:ext cx="11520000" cy="368987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0975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Performance Review for </a:t>
            </a:r>
            <a:r>
              <a:rPr lang="en-US" i="1" dirty="0"/>
              <a:t>Month, Year</a:t>
            </a:r>
          </a:p>
        </p:txBody>
      </p:sp>
    </p:spTree>
    <p:extLst>
      <p:ext uri="{BB962C8B-B14F-4D97-AF65-F5344CB8AC3E}">
        <p14:creationId xmlns:p14="http://schemas.microsoft.com/office/powerpoint/2010/main" val="1212907573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91A0D51-D3F5-4DA4-ACFA-2C8345203A5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1200" cap="none" spc="0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921E8D7-96A9-4889-ACFC-7D043D6E1CC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24EC536-6FE3-4540-8D85-74C58F0BF697}" type="slidenum">
              <a:rPr kumimoji="0" lang="en-US" sz="147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3</a:t>
            </a:fld>
            <a:endParaRPr kumimoji="0" lang="en-US" sz="147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7" name="Picture Placeholder 6" hidden="1">
            <a:extLst>
              <a:ext uri="{FF2B5EF4-FFF2-40B4-BE49-F238E27FC236}">
                <a16:creationId xmlns:a16="http://schemas.microsoft.com/office/drawing/2014/main" id="{96A22372-E057-4E19-86E8-D1DB0CDAC2A1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/>
      </p:sp>
      <p:sp>
        <p:nvSpPr>
          <p:cNvPr id="8" name="Picture Placeholder 7" hidden="1">
            <a:extLst>
              <a:ext uri="{FF2B5EF4-FFF2-40B4-BE49-F238E27FC236}">
                <a16:creationId xmlns:a16="http://schemas.microsoft.com/office/drawing/2014/main" id="{78B442AE-4A1B-4E72-840A-22B6544A56F7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/>
      </p:sp>
      <p:sp>
        <p:nvSpPr>
          <p:cNvPr id="9" name="Picture Placeholder 8" hidden="1">
            <a:extLst>
              <a:ext uri="{FF2B5EF4-FFF2-40B4-BE49-F238E27FC236}">
                <a16:creationId xmlns:a16="http://schemas.microsoft.com/office/drawing/2014/main" id="{B2D6290D-AF4F-4768-A421-D15042A91FC0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/>
      </p:sp>
      <p:sp>
        <p:nvSpPr>
          <p:cNvPr id="12" name="Picture Placeholder 11" hidden="1">
            <a:extLst>
              <a:ext uri="{FF2B5EF4-FFF2-40B4-BE49-F238E27FC236}">
                <a16:creationId xmlns:a16="http://schemas.microsoft.com/office/drawing/2014/main" id="{CECF1EBD-6759-488B-A7AA-B7C27785483B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/>
      </p:sp>
      <p:sp>
        <p:nvSpPr>
          <p:cNvPr id="13" name="Picture Placeholder 12" hidden="1">
            <a:extLst>
              <a:ext uri="{FF2B5EF4-FFF2-40B4-BE49-F238E27FC236}">
                <a16:creationId xmlns:a16="http://schemas.microsoft.com/office/drawing/2014/main" id="{1F9AF83E-7460-4626-9E10-A48E28CF1F3B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/>
      </p:sp>
      <p:sp>
        <p:nvSpPr>
          <p:cNvPr id="14" name="Picture Placeholder 13" hidden="1">
            <a:extLst>
              <a:ext uri="{FF2B5EF4-FFF2-40B4-BE49-F238E27FC236}">
                <a16:creationId xmlns:a16="http://schemas.microsoft.com/office/drawing/2014/main" id="{58E0EFF1-DB23-4FEF-8513-C43A8DECA295}"/>
              </a:ext>
            </a:extLst>
          </p:cNvPr>
          <p:cNvSpPr>
            <a:spLocks noGrp="1"/>
          </p:cNvSpPr>
          <p:nvPr>
            <p:ph type="pic" sz="quarter" idx="27"/>
          </p:nvPr>
        </p:nvSpPr>
        <p:spPr/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9AE62A70-EBCB-4815-B243-1209A0FAA1B4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/>
        <p:txBody>
          <a:bodyPr/>
          <a:lstStyle/>
          <a:p>
            <a:r>
              <a:rPr lang="en-US" dirty="0"/>
              <a:t>Customer Satisfaction</a:t>
            </a:r>
          </a:p>
          <a:p>
            <a:endParaRPr lang="pl-PL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EE672478-51E3-4496-BEF6-BBE5DBB94C29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/>
        <p:txBody>
          <a:bodyPr/>
          <a:lstStyle/>
          <a:p>
            <a:r>
              <a:rPr lang="en-US" dirty="0"/>
              <a:t>On Time Delivery</a:t>
            </a:r>
          </a:p>
          <a:p>
            <a:endParaRPr lang="pl-PL" dirty="0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5CA6D249-0C1B-4BE4-B33E-CB456DC7ECB1}"/>
              </a:ext>
            </a:extLst>
          </p:cNvPr>
          <p:cNvSpPr>
            <a:spLocks noGrp="1"/>
          </p:cNvSpPr>
          <p:nvPr>
            <p:ph type="body" sz="quarter" idx="28"/>
          </p:nvPr>
        </p:nvSpPr>
        <p:spPr/>
        <p:txBody>
          <a:bodyPr/>
          <a:lstStyle/>
          <a:p>
            <a:r>
              <a:rPr lang="en-US" dirty="0"/>
              <a:t>Quality</a:t>
            </a:r>
            <a:endParaRPr lang="pl-PL" dirty="0"/>
          </a:p>
        </p:txBody>
      </p:sp>
      <p:sp>
        <p:nvSpPr>
          <p:cNvPr id="16" name="Text Placeholder 15">
            <a:extLst>
              <a:ext uri="{FF2B5EF4-FFF2-40B4-BE49-F238E27FC236}">
                <a16:creationId xmlns:a16="http://schemas.microsoft.com/office/drawing/2014/main" id="{0AA66022-926A-43CA-B5C4-2166C344CD14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/>
        <p:txBody>
          <a:bodyPr/>
          <a:lstStyle/>
          <a:p>
            <a:r>
              <a:rPr lang="en-US" dirty="0"/>
              <a:t>Volumes</a:t>
            </a:r>
            <a:endParaRPr lang="pl-PL" dirty="0"/>
          </a:p>
        </p:txBody>
      </p:sp>
      <p:sp>
        <p:nvSpPr>
          <p:cNvPr id="17" name="Text Placeholder 16">
            <a:extLst>
              <a:ext uri="{FF2B5EF4-FFF2-40B4-BE49-F238E27FC236}">
                <a16:creationId xmlns:a16="http://schemas.microsoft.com/office/drawing/2014/main" id="{C885ACAC-8E17-4C0E-BF33-4E9D8075ADC5}"/>
              </a:ext>
            </a:extLst>
          </p:cNvPr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r>
              <a:rPr lang="en-US" dirty="0"/>
              <a:t>Case Ageing</a:t>
            </a:r>
          </a:p>
          <a:p>
            <a:endParaRPr lang="pl-PL" dirty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4D17BB11-3E54-449B-B1CD-D61822E75CEC}"/>
              </a:ext>
            </a:extLst>
          </p:cNvPr>
          <p:cNvSpPr>
            <a:spLocks noGrp="1"/>
          </p:cNvSpPr>
          <p:nvPr>
            <p:ph type="body" sz="quarter" idx="31"/>
          </p:nvPr>
        </p:nvSpPr>
        <p:spPr/>
        <p:txBody>
          <a:bodyPr/>
          <a:lstStyle/>
          <a:p>
            <a:r>
              <a:rPr lang="en-US" dirty="0"/>
              <a:t>Achievements &amp; Challenges</a:t>
            </a:r>
          </a:p>
          <a:p>
            <a:endParaRPr lang="pl-PL" dirty="0"/>
          </a:p>
        </p:txBody>
      </p:sp>
      <p:sp>
        <p:nvSpPr>
          <p:cNvPr id="19" name="Picture Placeholder 18">
            <a:extLst>
              <a:ext uri="{FF2B5EF4-FFF2-40B4-BE49-F238E27FC236}">
                <a16:creationId xmlns:a16="http://schemas.microsoft.com/office/drawing/2014/main" id="{AFA4E6EB-B6E4-4BB8-B4F6-9CAE7598E5D1}"/>
              </a:ext>
            </a:extLst>
          </p:cNvPr>
          <p:cNvSpPr>
            <a:spLocks noGrp="1"/>
          </p:cNvSpPr>
          <p:nvPr>
            <p:ph type="pic" sz="quarter" idx="38"/>
          </p:nvPr>
        </p:nvSpPr>
        <p:spPr/>
      </p:sp>
      <p:sp>
        <p:nvSpPr>
          <p:cNvPr id="20" name="Picture Placeholder 19">
            <a:extLst>
              <a:ext uri="{FF2B5EF4-FFF2-40B4-BE49-F238E27FC236}">
                <a16:creationId xmlns:a16="http://schemas.microsoft.com/office/drawing/2014/main" id="{24384FCF-3618-422E-8C27-ED44AB32278D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/>
      </p:sp>
      <p:sp>
        <p:nvSpPr>
          <p:cNvPr id="21" name="Picture Placeholder 20">
            <a:extLst>
              <a:ext uri="{FF2B5EF4-FFF2-40B4-BE49-F238E27FC236}">
                <a16:creationId xmlns:a16="http://schemas.microsoft.com/office/drawing/2014/main" id="{9D8CE06D-34B8-4F5E-8762-4E0D7E265E4B}"/>
              </a:ext>
            </a:extLst>
          </p:cNvPr>
          <p:cNvSpPr>
            <a:spLocks noGrp="1"/>
          </p:cNvSpPr>
          <p:nvPr>
            <p:ph type="pic" sz="quarter" idx="40"/>
          </p:nvPr>
        </p:nvSpPr>
        <p:spPr/>
      </p:sp>
      <p:sp>
        <p:nvSpPr>
          <p:cNvPr id="22" name="Picture Placeholder 21">
            <a:extLst>
              <a:ext uri="{FF2B5EF4-FFF2-40B4-BE49-F238E27FC236}">
                <a16:creationId xmlns:a16="http://schemas.microsoft.com/office/drawing/2014/main" id="{6273BBC5-E34F-4502-B173-AC05F085BA0F}"/>
              </a:ext>
            </a:extLst>
          </p:cNvPr>
          <p:cNvSpPr>
            <a:spLocks noGrp="1"/>
          </p:cNvSpPr>
          <p:nvPr>
            <p:ph type="pic" sz="quarter" idx="41"/>
          </p:nvPr>
        </p:nvSpPr>
        <p:spPr/>
      </p:sp>
      <p:sp>
        <p:nvSpPr>
          <p:cNvPr id="23" name="Picture Placeholder 22">
            <a:extLst>
              <a:ext uri="{FF2B5EF4-FFF2-40B4-BE49-F238E27FC236}">
                <a16:creationId xmlns:a16="http://schemas.microsoft.com/office/drawing/2014/main" id="{F0720E70-4706-463E-8CBF-099F4EC737E2}"/>
              </a:ext>
            </a:extLst>
          </p:cNvPr>
          <p:cNvSpPr>
            <a:spLocks noGrp="1"/>
          </p:cNvSpPr>
          <p:nvPr>
            <p:ph type="pic" sz="quarter" idx="42"/>
          </p:nvPr>
        </p:nvSpPr>
        <p:spPr/>
      </p:sp>
      <p:sp>
        <p:nvSpPr>
          <p:cNvPr id="24" name="Picture Placeholder 23">
            <a:extLst>
              <a:ext uri="{FF2B5EF4-FFF2-40B4-BE49-F238E27FC236}">
                <a16:creationId xmlns:a16="http://schemas.microsoft.com/office/drawing/2014/main" id="{3768FC63-4CDC-4F79-AA7B-5DB59CEAC1CC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/>
      </p:sp>
      <p:sp>
        <p:nvSpPr>
          <p:cNvPr id="25" name="ctry_range">
            <a:extLst>
              <a:ext uri="{FF2B5EF4-FFF2-40B4-BE49-F238E27FC236}">
                <a16:creationId xmlns:a16="http://schemas.microsoft.com/office/drawing/2014/main" id="{DA59042C-3234-45D2-A269-5EED2C5BD4E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5" y="187325"/>
            <a:ext cx="8856663" cy="434975"/>
          </a:xfrm>
        </p:spPr>
        <p:txBody>
          <a:bodyPr/>
          <a:lstStyle/>
          <a:p>
            <a:r>
              <a:rPr lang="pl-PL" dirty="0"/>
              <a:t>HR Operations</a:t>
            </a:r>
            <a:r>
              <a:rPr lang="en-US" dirty="0"/>
              <a:t> </a:t>
            </a:r>
            <a:r>
              <a:rPr lang="en-US" dirty="0">
                <a:solidFill>
                  <a:srgbClr val="D90000"/>
                </a:solidFill>
              </a:rPr>
              <a:t>Hub</a:t>
            </a:r>
            <a:r>
              <a:rPr lang="en-US" dirty="0"/>
              <a:t> | Talent </a:t>
            </a:r>
            <a:r>
              <a:rPr lang="en-US" dirty="0" err="1"/>
              <a:t>Acquisitio</a:t>
            </a:r>
            <a:r>
              <a:rPr lang="pl-PL" dirty="0"/>
              <a:t>n </a:t>
            </a:r>
            <a:endParaRPr lang="en-US" dirty="0"/>
          </a:p>
        </p:txBody>
      </p:sp>
      <p:sp>
        <p:nvSpPr>
          <p:cNvPr id="29" name="CSChart_Area">
            <a:extLst>
              <a:ext uri="{FF2B5EF4-FFF2-40B4-BE49-F238E27FC236}">
                <a16:creationId xmlns:a16="http://schemas.microsoft.com/office/drawing/2014/main" id="{0C6032D3-E8A5-4602-B8FA-E6AFEF3DCB04}"/>
              </a:ext>
            </a:extLst>
          </p:cNvPr>
          <p:cNvSpPr/>
          <p:nvPr/>
        </p:nvSpPr>
        <p:spPr bwMode="gray">
          <a:xfrm>
            <a:off x="263525" y="1125539"/>
            <a:ext cx="3679224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0" name="OTDChart_Area">
            <a:extLst>
              <a:ext uri="{FF2B5EF4-FFF2-40B4-BE49-F238E27FC236}">
                <a16:creationId xmlns:a16="http://schemas.microsoft.com/office/drawing/2014/main" id="{472EBBDD-D425-4F34-8418-815A26B24F98}"/>
              </a:ext>
            </a:extLst>
          </p:cNvPr>
          <p:cNvSpPr/>
          <p:nvPr/>
        </p:nvSpPr>
        <p:spPr bwMode="gray">
          <a:xfrm>
            <a:off x="4256388" y="1119402"/>
            <a:ext cx="3679224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1" name="QCChart_Area">
            <a:extLst>
              <a:ext uri="{FF2B5EF4-FFF2-40B4-BE49-F238E27FC236}">
                <a16:creationId xmlns:a16="http://schemas.microsoft.com/office/drawing/2014/main" id="{B05360B1-7BEE-4116-9A49-593DDEFF2B93}"/>
              </a:ext>
            </a:extLst>
          </p:cNvPr>
          <p:cNvSpPr/>
          <p:nvPr/>
        </p:nvSpPr>
        <p:spPr bwMode="gray">
          <a:xfrm>
            <a:off x="8256239" y="1119401"/>
            <a:ext cx="3672235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2" name="VLChart_Area">
            <a:extLst>
              <a:ext uri="{FF2B5EF4-FFF2-40B4-BE49-F238E27FC236}">
                <a16:creationId xmlns:a16="http://schemas.microsoft.com/office/drawing/2014/main" id="{DC6C337D-E42A-4D4F-A5E2-E061F446D4A7}"/>
              </a:ext>
            </a:extLst>
          </p:cNvPr>
          <p:cNvSpPr/>
          <p:nvPr/>
        </p:nvSpPr>
        <p:spPr bwMode="gray">
          <a:xfrm>
            <a:off x="270514" y="3861048"/>
            <a:ext cx="3666399" cy="1932336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3" name="CAChart_Area">
            <a:extLst>
              <a:ext uri="{FF2B5EF4-FFF2-40B4-BE49-F238E27FC236}">
                <a16:creationId xmlns:a16="http://schemas.microsoft.com/office/drawing/2014/main" id="{0CC4251D-54BD-40D3-9577-BE46B4FA0E13}"/>
              </a:ext>
            </a:extLst>
          </p:cNvPr>
          <p:cNvSpPr/>
          <p:nvPr/>
        </p:nvSpPr>
        <p:spPr bwMode="gray">
          <a:xfrm>
            <a:off x="4256152" y="3861047"/>
            <a:ext cx="3672236" cy="1932335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4" name="achievement_HUTA">
            <a:extLst>
              <a:ext uri="{FF2B5EF4-FFF2-40B4-BE49-F238E27FC236}">
                <a16:creationId xmlns:a16="http://schemas.microsoft.com/office/drawing/2014/main" id="{0422D2CB-1B14-4BB4-BC45-7008E739BA97}"/>
              </a:ext>
            </a:extLst>
          </p:cNvPr>
          <p:cNvSpPr txBox="1"/>
          <p:nvPr/>
        </p:nvSpPr>
        <p:spPr bwMode="gray">
          <a:xfrm>
            <a:off x="8247626" y="3861047"/>
            <a:ext cx="3673859" cy="1932334"/>
          </a:xfrm>
          <a:prstGeom prst="rect">
            <a:avLst/>
          </a:prstGeom>
          <a:noFill/>
          <a:ln>
            <a:solidFill>
              <a:schemeClr val="accent3"/>
            </a:solidFill>
          </a:ln>
        </p:spPr>
        <p:txBody>
          <a:bodyPr wrap="square" lIns="72000" tIns="72000" rIns="72000" bIns="72000" rtlCol="0">
            <a:noAutofit/>
          </a:bodyPr>
          <a:lstStyle/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</p:txBody>
      </p:sp>
      <p:sp>
        <p:nvSpPr>
          <p:cNvPr id="35" name="month_range">
            <a:extLst>
              <a:ext uri="{FF2B5EF4-FFF2-40B4-BE49-F238E27FC236}">
                <a16:creationId xmlns:a16="http://schemas.microsoft.com/office/drawing/2014/main" id="{1D7D9F96-7A50-4369-A5E6-3C00251C16E2}"/>
              </a:ext>
            </a:extLst>
          </p:cNvPr>
          <p:cNvSpPr txBox="1">
            <a:spLocks/>
          </p:cNvSpPr>
          <p:nvPr/>
        </p:nvSpPr>
        <p:spPr>
          <a:xfrm>
            <a:off x="333264" y="832727"/>
            <a:ext cx="11520000" cy="368987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0975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Performance Review for </a:t>
            </a:r>
            <a:r>
              <a:rPr lang="en-US" i="1" dirty="0"/>
              <a:t>Month, Year</a:t>
            </a:r>
          </a:p>
        </p:txBody>
      </p:sp>
    </p:spTree>
    <p:extLst>
      <p:ext uri="{BB962C8B-B14F-4D97-AF65-F5344CB8AC3E}">
        <p14:creationId xmlns:p14="http://schemas.microsoft.com/office/powerpoint/2010/main" val="1955323413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91A0D51-D3F5-4DA4-ACFA-2C8345203A5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1200" cap="none" spc="0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921E8D7-96A9-4889-ACFC-7D043D6E1CC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24EC536-6FE3-4540-8D85-74C58F0BF697}" type="slidenum">
              <a:rPr kumimoji="0" lang="en-US" sz="147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4</a:t>
            </a:fld>
            <a:endParaRPr kumimoji="0" lang="en-US" sz="147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7" name="Picture Placeholder 6" hidden="1">
            <a:extLst>
              <a:ext uri="{FF2B5EF4-FFF2-40B4-BE49-F238E27FC236}">
                <a16:creationId xmlns:a16="http://schemas.microsoft.com/office/drawing/2014/main" id="{96A22372-E057-4E19-86E8-D1DB0CDAC2A1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/>
      </p:sp>
      <p:sp>
        <p:nvSpPr>
          <p:cNvPr id="8" name="Picture Placeholder 7" hidden="1">
            <a:extLst>
              <a:ext uri="{FF2B5EF4-FFF2-40B4-BE49-F238E27FC236}">
                <a16:creationId xmlns:a16="http://schemas.microsoft.com/office/drawing/2014/main" id="{78B442AE-4A1B-4E72-840A-22B6544A56F7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/>
      </p:sp>
      <p:sp>
        <p:nvSpPr>
          <p:cNvPr id="9" name="Picture Placeholder 8" hidden="1">
            <a:extLst>
              <a:ext uri="{FF2B5EF4-FFF2-40B4-BE49-F238E27FC236}">
                <a16:creationId xmlns:a16="http://schemas.microsoft.com/office/drawing/2014/main" id="{B2D6290D-AF4F-4768-A421-D15042A91FC0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/>
      </p:sp>
      <p:sp>
        <p:nvSpPr>
          <p:cNvPr id="12" name="Picture Placeholder 11" hidden="1">
            <a:extLst>
              <a:ext uri="{FF2B5EF4-FFF2-40B4-BE49-F238E27FC236}">
                <a16:creationId xmlns:a16="http://schemas.microsoft.com/office/drawing/2014/main" id="{CECF1EBD-6759-488B-A7AA-B7C27785483B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/>
      </p:sp>
      <p:sp>
        <p:nvSpPr>
          <p:cNvPr id="13" name="Picture Placeholder 12" hidden="1">
            <a:extLst>
              <a:ext uri="{FF2B5EF4-FFF2-40B4-BE49-F238E27FC236}">
                <a16:creationId xmlns:a16="http://schemas.microsoft.com/office/drawing/2014/main" id="{1F9AF83E-7460-4626-9E10-A48E28CF1F3B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/>
      </p:sp>
      <p:sp>
        <p:nvSpPr>
          <p:cNvPr id="14" name="Picture Placeholder 13" hidden="1">
            <a:extLst>
              <a:ext uri="{FF2B5EF4-FFF2-40B4-BE49-F238E27FC236}">
                <a16:creationId xmlns:a16="http://schemas.microsoft.com/office/drawing/2014/main" id="{58E0EFF1-DB23-4FEF-8513-C43A8DECA295}"/>
              </a:ext>
            </a:extLst>
          </p:cNvPr>
          <p:cNvSpPr>
            <a:spLocks noGrp="1"/>
          </p:cNvSpPr>
          <p:nvPr>
            <p:ph type="pic" sz="quarter" idx="27"/>
          </p:nvPr>
        </p:nvSpPr>
        <p:spPr/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9AE62A70-EBCB-4815-B243-1209A0FAA1B4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/>
        <p:txBody>
          <a:bodyPr/>
          <a:lstStyle/>
          <a:p>
            <a:r>
              <a:rPr lang="en-US" dirty="0"/>
              <a:t>Customer Satisfaction</a:t>
            </a:r>
          </a:p>
          <a:p>
            <a:endParaRPr lang="pl-PL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EE672478-51E3-4496-BEF6-BBE5DBB94C29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/>
        <p:txBody>
          <a:bodyPr/>
          <a:lstStyle/>
          <a:p>
            <a:r>
              <a:rPr lang="en-US" dirty="0"/>
              <a:t>On Time Delivery</a:t>
            </a:r>
          </a:p>
          <a:p>
            <a:endParaRPr lang="pl-PL" dirty="0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5CA6D249-0C1B-4BE4-B33E-CB456DC7ECB1}"/>
              </a:ext>
            </a:extLst>
          </p:cNvPr>
          <p:cNvSpPr>
            <a:spLocks noGrp="1"/>
          </p:cNvSpPr>
          <p:nvPr>
            <p:ph type="body" sz="quarter" idx="28"/>
          </p:nvPr>
        </p:nvSpPr>
        <p:spPr/>
        <p:txBody>
          <a:bodyPr/>
          <a:lstStyle/>
          <a:p>
            <a:r>
              <a:rPr lang="en-US" dirty="0"/>
              <a:t>Quality</a:t>
            </a:r>
            <a:endParaRPr lang="pl-PL" dirty="0"/>
          </a:p>
        </p:txBody>
      </p:sp>
      <p:sp>
        <p:nvSpPr>
          <p:cNvPr id="16" name="Text Placeholder 15">
            <a:extLst>
              <a:ext uri="{FF2B5EF4-FFF2-40B4-BE49-F238E27FC236}">
                <a16:creationId xmlns:a16="http://schemas.microsoft.com/office/drawing/2014/main" id="{0AA66022-926A-43CA-B5C4-2166C344CD14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/>
        <p:txBody>
          <a:bodyPr/>
          <a:lstStyle/>
          <a:p>
            <a:r>
              <a:rPr lang="en-US" dirty="0"/>
              <a:t>Volumes</a:t>
            </a:r>
            <a:endParaRPr lang="pl-PL" dirty="0"/>
          </a:p>
        </p:txBody>
      </p:sp>
      <p:sp>
        <p:nvSpPr>
          <p:cNvPr id="17" name="Text Placeholder 16">
            <a:extLst>
              <a:ext uri="{FF2B5EF4-FFF2-40B4-BE49-F238E27FC236}">
                <a16:creationId xmlns:a16="http://schemas.microsoft.com/office/drawing/2014/main" id="{C885ACAC-8E17-4C0E-BF33-4E9D8075ADC5}"/>
              </a:ext>
            </a:extLst>
          </p:cNvPr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r>
              <a:rPr lang="en-US" dirty="0"/>
              <a:t>Case Ageing</a:t>
            </a:r>
          </a:p>
          <a:p>
            <a:endParaRPr lang="pl-PL" dirty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4D17BB11-3E54-449B-B1CD-D61822E75CEC}"/>
              </a:ext>
            </a:extLst>
          </p:cNvPr>
          <p:cNvSpPr>
            <a:spLocks noGrp="1"/>
          </p:cNvSpPr>
          <p:nvPr>
            <p:ph type="body" sz="quarter" idx="31"/>
          </p:nvPr>
        </p:nvSpPr>
        <p:spPr/>
        <p:txBody>
          <a:bodyPr/>
          <a:lstStyle/>
          <a:p>
            <a:r>
              <a:rPr lang="en-US" dirty="0"/>
              <a:t>Achievements &amp; Challenges</a:t>
            </a:r>
          </a:p>
          <a:p>
            <a:endParaRPr lang="pl-PL" dirty="0"/>
          </a:p>
        </p:txBody>
      </p:sp>
      <p:sp>
        <p:nvSpPr>
          <p:cNvPr id="19" name="Picture Placeholder 18">
            <a:extLst>
              <a:ext uri="{FF2B5EF4-FFF2-40B4-BE49-F238E27FC236}">
                <a16:creationId xmlns:a16="http://schemas.microsoft.com/office/drawing/2014/main" id="{AFA4E6EB-B6E4-4BB8-B4F6-9CAE7598E5D1}"/>
              </a:ext>
            </a:extLst>
          </p:cNvPr>
          <p:cNvSpPr>
            <a:spLocks noGrp="1"/>
          </p:cNvSpPr>
          <p:nvPr>
            <p:ph type="pic" sz="quarter" idx="38"/>
          </p:nvPr>
        </p:nvSpPr>
        <p:spPr/>
      </p:sp>
      <p:sp>
        <p:nvSpPr>
          <p:cNvPr id="20" name="Picture Placeholder 19">
            <a:extLst>
              <a:ext uri="{FF2B5EF4-FFF2-40B4-BE49-F238E27FC236}">
                <a16:creationId xmlns:a16="http://schemas.microsoft.com/office/drawing/2014/main" id="{24384FCF-3618-422E-8C27-ED44AB32278D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/>
      </p:sp>
      <p:sp>
        <p:nvSpPr>
          <p:cNvPr id="21" name="Picture Placeholder 20">
            <a:extLst>
              <a:ext uri="{FF2B5EF4-FFF2-40B4-BE49-F238E27FC236}">
                <a16:creationId xmlns:a16="http://schemas.microsoft.com/office/drawing/2014/main" id="{9D8CE06D-34B8-4F5E-8762-4E0D7E265E4B}"/>
              </a:ext>
            </a:extLst>
          </p:cNvPr>
          <p:cNvSpPr>
            <a:spLocks noGrp="1"/>
          </p:cNvSpPr>
          <p:nvPr>
            <p:ph type="pic" sz="quarter" idx="40"/>
          </p:nvPr>
        </p:nvSpPr>
        <p:spPr/>
      </p:sp>
      <p:sp>
        <p:nvSpPr>
          <p:cNvPr id="22" name="Picture Placeholder 21">
            <a:extLst>
              <a:ext uri="{FF2B5EF4-FFF2-40B4-BE49-F238E27FC236}">
                <a16:creationId xmlns:a16="http://schemas.microsoft.com/office/drawing/2014/main" id="{6273BBC5-E34F-4502-B173-AC05F085BA0F}"/>
              </a:ext>
            </a:extLst>
          </p:cNvPr>
          <p:cNvSpPr>
            <a:spLocks noGrp="1"/>
          </p:cNvSpPr>
          <p:nvPr>
            <p:ph type="pic" sz="quarter" idx="41"/>
          </p:nvPr>
        </p:nvSpPr>
        <p:spPr/>
      </p:sp>
      <p:sp>
        <p:nvSpPr>
          <p:cNvPr id="23" name="Picture Placeholder 22">
            <a:extLst>
              <a:ext uri="{FF2B5EF4-FFF2-40B4-BE49-F238E27FC236}">
                <a16:creationId xmlns:a16="http://schemas.microsoft.com/office/drawing/2014/main" id="{F0720E70-4706-463E-8CBF-099F4EC737E2}"/>
              </a:ext>
            </a:extLst>
          </p:cNvPr>
          <p:cNvSpPr>
            <a:spLocks noGrp="1"/>
          </p:cNvSpPr>
          <p:nvPr>
            <p:ph type="pic" sz="quarter" idx="42"/>
          </p:nvPr>
        </p:nvSpPr>
        <p:spPr/>
      </p:sp>
      <p:sp>
        <p:nvSpPr>
          <p:cNvPr id="24" name="Picture Placeholder 23">
            <a:extLst>
              <a:ext uri="{FF2B5EF4-FFF2-40B4-BE49-F238E27FC236}">
                <a16:creationId xmlns:a16="http://schemas.microsoft.com/office/drawing/2014/main" id="{3768FC63-4CDC-4F79-AA7B-5DB59CEAC1CC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/>
      </p:sp>
      <p:sp>
        <p:nvSpPr>
          <p:cNvPr id="25" name="ctry_range">
            <a:extLst>
              <a:ext uri="{FF2B5EF4-FFF2-40B4-BE49-F238E27FC236}">
                <a16:creationId xmlns:a16="http://schemas.microsoft.com/office/drawing/2014/main" id="{DA59042C-3234-45D2-A269-5EED2C5BD4E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5" y="187325"/>
            <a:ext cx="8856663" cy="434975"/>
          </a:xfrm>
        </p:spPr>
        <p:txBody>
          <a:bodyPr/>
          <a:lstStyle/>
          <a:p>
            <a:r>
              <a:rPr lang="pl-PL" dirty="0"/>
              <a:t>HR Operations</a:t>
            </a:r>
            <a:r>
              <a:rPr lang="en-US" dirty="0"/>
              <a:t> </a:t>
            </a:r>
            <a:r>
              <a:rPr lang="en-US" dirty="0">
                <a:solidFill>
                  <a:srgbClr val="D90000"/>
                </a:solidFill>
              </a:rPr>
              <a:t>Hub</a:t>
            </a:r>
            <a:r>
              <a:rPr lang="en-US" dirty="0"/>
              <a:t> | Talent </a:t>
            </a:r>
            <a:r>
              <a:rPr lang="en-US" dirty="0" err="1"/>
              <a:t>Acquisitio</a:t>
            </a:r>
            <a:r>
              <a:rPr lang="pl-PL" dirty="0"/>
              <a:t>n </a:t>
            </a:r>
            <a:endParaRPr lang="en-US" dirty="0"/>
          </a:p>
        </p:txBody>
      </p:sp>
      <p:sp>
        <p:nvSpPr>
          <p:cNvPr id="29" name="CSChart_Area">
            <a:extLst>
              <a:ext uri="{FF2B5EF4-FFF2-40B4-BE49-F238E27FC236}">
                <a16:creationId xmlns:a16="http://schemas.microsoft.com/office/drawing/2014/main" id="{0C6032D3-E8A5-4602-B8FA-E6AFEF3DCB04}"/>
              </a:ext>
            </a:extLst>
          </p:cNvPr>
          <p:cNvSpPr/>
          <p:nvPr/>
        </p:nvSpPr>
        <p:spPr bwMode="gray">
          <a:xfrm>
            <a:off x="263525" y="1125539"/>
            <a:ext cx="3679224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0" name="OTDChart_Area">
            <a:extLst>
              <a:ext uri="{FF2B5EF4-FFF2-40B4-BE49-F238E27FC236}">
                <a16:creationId xmlns:a16="http://schemas.microsoft.com/office/drawing/2014/main" id="{472EBBDD-D425-4F34-8418-815A26B24F98}"/>
              </a:ext>
            </a:extLst>
          </p:cNvPr>
          <p:cNvSpPr/>
          <p:nvPr/>
        </p:nvSpPr>
        <p:spPr bwMode="gray">
          <a:xfrm>
            <a:off x="4256388" y="1119402"/>
            <a:ext cx="3679224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1" name="QCChart_Area">
            <a:extLst>
              <a:ext uri="{FF2B5EF4-FFF2-40B4-BE49-F238E27FC236}">
                <a16:creationId xmlns:a16="http://schemas.microsoft.com/office/drawing/2014/main" id="{B05360B1-7BEE-4116-9A49-593DDEFF2B93}"/>
              </a:ext>
            </a:extLst>
          </p:cNvPr>
          <p:cNvSpPr/>
          <p:nvPr/>
        </p:nvSpPr>
        <p:spPr bwMode="gray">
          <a:xfrm>
            <a:off x="8256239" y="1119401"/>
            <a:ext cx="3672235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2" name="VLChart_Area">
            <a:extLst>
              <a:ext uri="{FF2B5EF4-FFF2-40B4-BE49-F238E27FC236}">
                <a16:creationId xmlns:a16="http://schemas.microsoft.com/office/drawing/2014/main" id="{DC6C337D-E42A-4D4F-A5E2-E061F446D4A7}"/>
              </a:ext>
            </a:extLst>
          </p:cNvPr>
          <p:cNvSpPr/>
          <p:nvPr/>
        </p:nvSpPr>
        <p:spPr bwMode="gray">
          <a:xfrm>
            <a:off x="270514" y="3861048"/>
            <a:ext cx="3666399" cy="1932336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3" name="CAChart_Area">
            <a:extLst>
              <a:ext uri="{FF2B5EF4-FFF2-40B4-BE49-F238E27FC236}">
                <a16:creationId xmlns:a16="http://schemas.microsoft.com/office/drawing/2014/main" id="{0CC4251D-54BD-40D3-9577-BE46B4FA0E13}"/>
              </a:ext>
            </a:extLst>
          </p:cNvPr>
          <p:cNvSpPr/>
          <p:nvPr/>
        </p:nvSpPr>
        <p:spPr bwMode="gray">
          <a:xfrm>
            <a:off x="4256152" y="3861047"/>
            <a:ext cx="3672236" cy="1932335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4" name="achievement_HUTA">
            <a:extLst>
              <a:ext uri="{FF2B5EF4-FFF2-40B4-BE49-F238E27FC236}">
                <a16:creationId xmlns:a16="http://schemas.microsoft.com/office/drawing/2014/main" id="{0422D2CB-1B14-4BB4-BC45-7008E739BA97}"/>
              </a:ext>
            </a:extLst>
          </p:cNvPr>
          <p:cNvSpPr txBox="1"/>
          <p:nvPr/>
        </p:nvSpPr>
        <p:spPr bwMode="gray">
          <a:xfrm>
            <a:off x="8247626" y="3861047"/>
            <a:ext cx="3673859" cy="1932334"/>
          </a:xfrm>
          <a:prstGeom prst="rect">
            <a:avLst/>
          </a:prstGeom>
          <a:noFill/>
          <a:ln>
            <a:solidFill>
              <a:schemeClr val="accent3"/>
            </a:solidFill>
          </a:ln>
        </p:spPr>
        <p:txBody>
          <a:bodyPr wrap="square" lIns="72000" tIns="72000" rIns="72000" bIns="72000" rtlCol="0">
            <a:noAutofit/>
          </a:bodyPr>
          <a:lstStyle/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</p:txBody>
      </p:sp>
      <p:sp>
        <p:nvSpPr>
          <p:cNvPr id="35" name="month_range">
            <a:extLst>
              <a:ext uri="{FF2B5EF4-FFF2-40B4-BE49-F238E27FC236}">
                <a16:creationId xmlns:a16="http://schemas.microsoft.com/office/drawing/2014/main" id="{1D7D9F96-7A50-4369-A5E6-3C00251C16E2}"/>
              </a:ext>
            </a:extLst>
          </p:cNvPr>
          <p:cNvSpPr txBox="1">
            <a:spLocks/>
          </p:cNvSpPr>
          <p:nvPr/>
        </p:nvSpPr>
        <p:spPr>
          <a:xfrm>
            <a:off x="333264" y="832727"/>
            <a:ext cx="11520000" cy="368987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0975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Performance Review for </a:t>
            </a:r>
            <a:r>
              <a:rPr lang="en-US" i="1" dirty="0"/>
              <a:t>Month, Year</a:t>
            </a:r>
          </a:p>
        </p:txBody>
      </p:sp>
    </p:spTree>
    <p:extLst>
      <p:ext uri="{BB962C8B-B14F-4D97-AF65-F5344CB8AC3E}">
        <p14:creationId xmlns:p14="http://schemas.microsoft.com/office/powerpoint/2010/main" val="1884337604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B232DD0-7950-4A85-AD37-F1CCA2516D0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1200" cap="none" spc="0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0F03BE5-0187-4361-9843-98F473B794F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24EC536-6FE3-4540-8D85-74C58F0BF697}" type="slidenum">
              <a:rPr kumimoji="0" lang="en-US" sz="147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5</a:t>
            </a:fld>
            <a:endParaRPr kumimoji="0" lang="en-US" sz="147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8" name="ctry_range">
            <a:extLst>
              <a:ext uri="{FF2B5EF4-FFF2-40B4-BE49-F238E27FC236}">
                <a16:creationId xmlns:a16="http://schemas.microsoft.com/office/drawing/2014/main" id="{0C7FBAF5-8CEA-4947-9B3A-857461DA221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95438" y="3225800"/>
            <a:ext cx="8815387" cy="665163"/>
          </a:xfrm>
        </p:spPr>
        <p:txBody>
          <a:bodyPr/>
          <a:lstStyle/>
          <a:p>
            <a:r>
              <a:rPr lang="pl-PL" dirty="0"/>
              <a:t>HR Operations </a:t>
            </a:r>
            <a:r>
              <a:rPr lang="en-US" dirty="0">
                <a:solidFill>
                  <a:srgbClr val="D90000"/>
                </a:solidFill>
              </a:rPr>
              <a:t>Hub </a:t>
            </a:r>
            <a:r>
              <a:rPr lang="en-US" dirty="0"/>
              <a:t>Monthly Review | Country View</a:t>
            </a:r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233699440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91A0D51-D3F5-4DA4-ACFA-2C8345203A5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1200" cap="none" spc="0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921E8D7-96A9-4889-ACFC-7D043D6E1CC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24EC536-6FE3-4540-8D85-74C58F0BF697}" type="slidenum">
              <a:rPr kumimoji="0" lang="en-US" sz="147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6</a:t>
            </a:fld>
            <a:endParaRPr kumimoji="0" lang="en-US" sz="147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7" name="Picture Placeholder 6" hidden="1">
            <a:extLst>
              <a:ext uri="{FF2B5EF4-FFF2-40B4-BE49-F238E27FC236}">
                <a16:creationId xmlns:a16="http://schemas.microsoft.com/office/drawing/2014/main" id="{96A22372-E057-4E19-86E8-D1DB0CDAC2A1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/>
      </p:sp>
      <p:sp>
        <p:nvSpPr>
          <p:cNvPr id="8" name="Picture Placeholder 7" hidden="1">
            <a:extLst>
              <a:ext uri="{FF2B5EF4-FFF2-40B4-BE49-F238E27FC236}">
                <a16:creationId xmlns:a16="http://schemas.microsoft.com/office/drawing/2014/main" id="{78B442AE-4A1B-4E72-840A-22B6544A56F7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/>
      </p:sp>
      <p:sp>
        <p:nvSpPr>
          <p:cNvPr id="9" name="Picture Placeholder 8" hidden="1">
            <a:extLst>
              <a:ext uri="{FF2B5EF4-FFF2-40B4-BE49-F238E27FC236}">
                <a16:creationId xmlns:a16="http://schemas.microsoft.com/office/drawing/2014/main" id="{B2D6290D-AF4F-4768-A421-D15042A91FC0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/>
      </p:sp>
      <p:sp>
        <p:nvSpPr>
          <p:cNvPr id="12" name="Picture Placeholder 11" hidden="1">
            <a:extLst>
              <a:ext uri="{FF2B5EF4-FFF2-40B4-BE49-F238E27FC236}">
                <a16:creationId xmlns:a16="http://schemas.microsoft.com/office/drawing/2014/main" id="{CECF1EBD-6759-488B-A7AA-B7C27785483B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/>
      </p:sp>
      <p:sp>
        <p:nvSpPr>
          <p:cNvPr id="13" name="Picture Placeholder 12" hidden="1">
            <a:extLst>
              <a:ext uri="{FF2B5EF4-FFF2-40B4-BE49-F238E27FC236}">
                <a16:creationId xmlns:a16="http://schemas.microsoft.com/office/drawing/2014/main" id="{1F9AF83E-7460-4626-9E10-A48E28CF1F3B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/>
      </p:sp>
      <p:sp>
        <p:nvSpPr>
          <p:cNvPr id="14" name="Picture Placeholder 13" hidden="1">
            <a:extLst>
              <a:ext uri="{FF2B5EF4-FFF2-40B4-BE49-F238E27FC236}">
                <a16:creationId xmlns:a16="http://schemas.microsoft.com/office/drawing/2014/main" id="{58E0EFF1-DB23-4FEF-8513-C43A8DECA295}"/>
              </a:ext>
            </a:extLst>
          </p:cNvPr>
          <p:cNvSpPr>
            <a:spLocks noGrp="1"/>
          </p:cNvSpPr>
          <p:nvPr>
            <p:ph type="pic" sz="quarter" idx="27"/>
          </p:nvPr>
        </p:nvSpPr>
        <p:spPr/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9AE62A70-EBCB-4815-B243-1209A0FAA1B4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/>
        <p:txBody>
          <a:bodyPr/>
          <a:lstStyle/>
          <a:p>
            <a:r>
              <a:rPr lang="en-US" dirty="0"/>
              <a:t>Customer Satisfaction</a:t>
            </a:r>
          </a:p>
          <a:p>
            <a:endParaRPr lang="pl-PL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EE672478-51E3-4496-BEF6-BBE5DBB94C29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/>
        <p:txBody>
          <a:bodyPr/>
          <a:lstStyle/>
          <a:p>
            <a:r>
              <a:rPr lang="en-US" dirty="0"/>
              <a:t>On Time Delivery</a:t>
            </a:r>
          </a:p>
          <a:p>
            <a:endParaRPr lang="pl-PL" dirty="0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5CA6D249-0C1B-4BE4-B33E-CB456DC7ECB1}"/>
              </a:ext>
            </a:extLst>
          </p:cNvPr>
          <p:cNvSpPr>
            <a:spLocks noGrp="1"/>
          </p:cNvSpPr>
          <p:nvPr>
            <p:ph type="body" sz="quarter" idx="28"/>
          </p:nvPr>
        </p:nvSpPr>
        <p:spPr/>
        <p:txBody>
          <a:bodyPr/>
          <a:lstStyle/>
          <a:p>
            <a:r>
              <a:rPr lang="en-US" dirty="0"/>
              <a:t>Quality</a:t>
            </a:r>
            <a:endParaRPr lang="pl-PL" dirty="0"/>
          </a:p>
        </p:txBody>
      </p:sp>
      <p:sp>
        <p:nvSpPr>
          <p:cNvPr id="16" name="Text Placeholder 15">
            <a:extLst>
              <a:ext uri="{FF2B5EF4-FFF2-40B4-BE49-F238E27FC236}">
                <a16:creationId xmlns:a16="http://schemas.microsoft.com/office/drawing/2014/main" id="{0AA66022-926A-43CA-B5C4-2166C344CD14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/>
        <p:txBody>
          <a:bodyPr/>
          <a:lstStyle/>
          <a:p>
            <a:r>
              <a:rPr lang="en-US" dirty="0"/>
              <a:t>Volumes</a:t>
            </a:r>
            <a:endParaRPr lang="pl-PL" dirty="0"/>
          </a:p>
        </p:txBody>
      </p:sp>
      <p:sp>
        <p:nvSpPr>
          <p:cNvPr id="17" name="Text Placeholder 16">
            <a:extLst>
              <a:ext uri="{FF2B5EF4-FFF2-40B4-BE49-F238E27FC236}">
                <a16:creationId xmlns:a16="http://schemas.microsoft.com/office/drawing/2014/main" id="{C885ACAC-8E17-4C0E-BF33-4E9D8075ADC5}"/>
              </a:ext>
            </a:extLst>
          </p:cNvPr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r>
              <a:rPr lang="en-US" dirty="0"/>
              <a:t>Case Ageing</a:t>
            </a:r>
          </a:p>
          <a:p>
            <a:endParaRPr lang="pl-PL" dirty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4D17BB11-3E54-449B-B1CD-D61822E75CEC}"/>
              </a:ext>
            </a:extLst>
          </p:cNvPr>
          <p:cNvSpPr>
            <a:spLocks noGrp="1"/>
          </p:cNvSpPr>
          <p:nvPr>
            <p:ph type="body" sz="quarter" idx="31"/>
          </p:nvPr>
        </p:nvSpPr>
        <p:spPr/>
        <p:txBody>
          <a:bodyPr/>
          <a:lstStyle/>
          <a:p>
            <a:r>
              <a:rPr lang="en-US" dirty="0"/>
              <a:t>Achievements &amp; Challenges</a:t>
            </a:r>
          </a:p>
          <a:p>
            <a:endParaRPr lang="pl-PL" dirty="0"/>
          </a:p>
        </p:txBody>
      </p:sp>
      <p:sp>
        <p:nvSpPr>
          <p:cNvPr id="19" name="Picture Placeholder 18">
            <a:extLst>
              <a:ext uri="{FF2B5EF4-FFF2-40B4-BE49-F238E27FC236}">
                <a16:creationId xmlns:a16="http://schemas.microsoft.com/office/drawing/2014/main" id="{AFA4E6EB-B6E4-4BB8-B4F6-9CAE7598E5D1}"/>
              </a:ext>
            </a:extLst>
          </p:cNvPr>
          <p:cNvSpPr>
            <a:spLocks noGrp="1"/>
          </p:cNvSpPr>
          <p:nvPr>
            <p:ph type="pic" sz="quarter" idx="38"/>
          </p:nvPr>
        </p:nvSpPr>
        <p:spPr/>
      </p:sp>
      <p:sp>
        <p:nvSpPr>
          <p:cNvPr id="20" name="Picture Placeholder 19">
            <a:extLst>
              <a:ext uri="{FF2B5EF4-FFF2-40B4-BE49-F238E27FC236}">
                <a16:creationId xmlns:a16="http://schemas.microsoft.com/office/drawing/2014/main" id="{24384FCF-3618-422E-8C27-ED44AB32278D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/>
      </p:sp>
      <p:sp>
        <p:nvSpPr>
          <p:cNvPr id="21" name="Picture Placeholder 20">
            <a:extLst>
              <a:ext uri="{FF2B5EF4-FFF2-40B4-BE49-F238E27FC236}">
                <a16:creationId xmlns:a16="http://schemas.microsoft.com/office/drawing/2014/main" id="{9D8CE06D-34B8-4F5E-8762-4E0D7E265E4B}"/>
              </a:ext>
            </a:extLst>
          </p:cNvPr>
          <p:cNvSpPr>
            <a:spLocks noGrp="1"/>
          </p:cNvSpPr>
          <p:nvPr>
            <p:ph type="pic" sz="quarter" idx="40"/>
          </p:nvPr>
        </p:nvSpPr>
        <p:spPr/>
      </p:sp>
      <p:sp>
        <p:nvSpPr>
          <p:cNvPr id="22" name="Picture Placeholder 21">
            <a:extLst>
              <a:ext uri="{FF2B5EF4-FFF2-40B4-BE49-F238E27FC236}">
                <a16:creationId xmlns:a16="http://schemas.microsoft.com/office/drawing/2014/main" id="{6273BBC5-E34F-4502-B173-AC05F085BA0F}"/>
              </a:ext>
            </a:extLst>
          </p:cNvPr>
          <p:cNvSpPr>
            <a:spLocks noGrp="1"/>
          </p:cNvSpPr>
          <p:nvPr>
            <p:ph type="pic" sz="quarter" idx="41"/>
          </p:nvPr>
        </p:nvSpPr>
        <p:spPr/>
      </p:sp>
      <p:sp>
        <p:nvSpPr>
          <p:cNvPr id="23" name="Picture Placeholder 22">
            <a:extLst>
              <a:ext uri="{FF2B5EF4-FFF2-40B4-BE49-F238E27FC236}">
                <a16:creationId xmlns:a16="http://schemas.microsoft.com/office/drawing/2014/main" id="{F0720E70-4706-463E-8CBF-099F4EC737E2}"/>
              </a:ext>
            </a:extLst>
          </p:cNvPr>
          <p:cNvSpPr>
            <a:spLocks noGrp="1"/>
          </p:cNvSpPr>
          <p:nvPr>
            <p:ph type="pic" sz="quarter" idx="42"/>
          </p:nvPr>
        </p:nvSpPr>
        <p:spPr/>
      </p:sp>
      <p:sp>
        <p:nvSpPr>
          <p:cNvPr id="24" name="Picture Placeholder 23">
            <a:extLst>
              <a:ext uri="{FF2B5EF4-FFF2-40B4-BE49-F238E27FC236}">
                <a16:creationId xmlns:a16="http://schemas.microsoft.com/office/drawing/2014/main" id="{3768FC63-4CDC-4F79-AA7B-5DB59CEAC1CC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/>
      </p:sp>
      <p:sp>
        <p:nvSpPr>
          <p:cNvPr id="25" name="ctry_range">
            <a:extLst>
              <a:ext uri="{FF2B5EF4-FFF2-40B4-BE49-F238E27FC236}">
                <a16:creationId xmlns:a16="http://schemas.microsoft.com/office/drawing/2014/main" id="{DA59042C-3234-45D2-A269-5EED2C5BD4E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5" y="187325"/>
            <a:ext cx="8856663" cy="434975"/>
          </a:xfrm>
        </p:spPr>
        <p:txBody>
          <a:bodyPr/>
          <a:lstStyle/>
          <a:p>
            <a:r>
              <a:rPr lang="pl-PL" dirty="0"/>
              <a:t>HR Operations</a:t>
            </a:r>
            <a:r>
              <a:rPr lang="en-US" dirty="0"/>
              <a:t> </a:t>
            </a:r>
            <a:r>
              <a:rPr lang="en-US" dirty="0">
                <a:solidFill>
                  <a:srgbClr val="D90000"/>
                </a:solidFill>
              </a:rPr>
              <a:t>Hub</a:t>
            </a:r>
            <a:r>
              <a:rPr lang="en-US" dirty="0"/>
              <a:t> | </a:t>
            </a:r>
            <a:r>
              <a:rPr lang="pl-PL" dirty="0"/>
              <a:t>Country</a:t>
            </a:r>
            <a:endParaRPr lang="en-US" dirty="0"/>
          </a:p>
        </p:txBody>
      </p:sp>
      <p:sp>
        <p:nvSpPr>
          <p:cNvPr id="29" name="CSChart_Area">
            <a:extLst>
              <a:ext uri="{FF2B5EF4-FFF2-40B4-BE49-F238E27FC236}">
                <a16:creationId xmlns:a16="http://schemas.microsoft.com/office/drawing/2014/main" id="{0C6032D3-E8A5-4602-B8FA-E6AFEF3DCB04}"/>
              </a:ext>
            </a:extLst>
          </p:cNvPr>
          <p:cNvSpPr/>
          <p:nvPr/>
        </p:nvSpPr>
        <p:spPr bwMode="gray">
          <a:xfrm>
            <a:off x="263525" y="1125539"/>
            <a:ext cx="3679224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0" name="OTDChart_Area">
            <a:extLst>
              <a:ext uri="{FF2B5EF4-FFF2-40B4-BE49-F238E27FC236}">
                <a16:creationId xmlns:a16="http://schemas.microsoft.com/office/drawing/2014/main" id="{472EBBDD-D425-4F34-8418-815A26B24F98}"/>
              </a:ext>
            </a:extLst>
          </p:cNvPr>
          <p:cNvSpPr/>
          <p:nvPr/>
        </p:nvSpPr>
        <p:spPr bwMode="gray">
          <a:xfrm>
            <a:off x="4256388" y="1119402"/>
            <a:ext cx="3679224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1" name="QCChart_Area">
            <a:extLst>
              <a:ext uri="{FF2B5EF4-FFF2-40B4-BE49-F238E27FC236}">
                <a16:creationId xmlns:a16="http://schemas.microsoft.com/office/drawing/2014/main" id="{B05360B1-7BEE-4116-9A49-593DDEFF2B93}"/>
              </a:ext>
            </a:extLst>
          </p:cNvPr>
          <p:cNvSpPr/>
          <p:nvPr/>
        </p:nvSpPr>
        <p:spPr bwMode="gray">
          <a:xfrm>
            <a:off x="8256239" y="1119401"/>
            <a:ext cx="3672235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2" name="VLChart_Area">
            <a:extLst>
              <a:ext uri="{FF2B5EF4-FFF2-40B4-BE49-F238E27FC236}">
                <a16:creationId xmlns:a16="http://schemas.microsoft.com/office/drawing/2014/main" id="{DC6C337D-E42A-4D4F-A5E2-E061F446D4A7}"/>
              </a:ext>
            </a:extLst>
          </p:cNvPr>
          <p:cNvSpPr/>
          <p:nvPr/>
        </p:nvSpPr>
        <p:spPr bwMode="gray">
          <a:xfrm>
            <a:off x="270514" y="3861048"/>
            <a:ext cx="3666399" cy="1932336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3" name="CAChart_Area">
            <a:extLst>
              <a:ext uri="{FF2B5EF4-FFF2-40B4-BE49-F238E27FC236}">
                <a16:creationId xmlns:a16="http://schemas.microsoft.com/office/drawing/2014/main" id="{0CC4251D-54BD-40D3-9577-BE46B4FA0E13}"/>
              </a:ext>
            </a:extLst>
          </p:cNvPr>
          <p:cNvSpPr/>
          <p:nvPr/>
        </p:nvSpPr>
        <p:spPr bwMode="gray">
          <a:xfrm>
            <a:off x="4256152" y="3861047"/>
            <a:ext cx="3672236" cy="1932335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4" name="achievement_HUTA">
            <a:extLst>
              <a:ext uri="{FF2B5EF4-FFF2-40B4-BE49-F238E27FC236}">
                <a16:creationId xmlns:a16="http://schemas.microsoft.com/office/drawing/2014/main" id="{0422D2CB-1B14-4BB4-BC45-7008E739BA97}"/>
              </a:ext>
            </a:extLst>
          </p:cNvPr>
          <p:cNvSpPr txBox="1"/>
          <p:nvPr/>
        </p:nvSpPr>
        <p:spPr bwMode="gray">
          <a:xfrm>
            <a:off x="8247626" y="3861047"/>
            <a:ext cx="3673859" cy="1932334"/>
          </a:xfrm>
          <a:prstGeom prst="rect">
            <a:avLst/>
          </a:prstGeom>
          <a:noFill/>
          <a:ln>
            <a:solidFill>
              <a:schemeClr val="accent3"/>
            </a:solidFill>
          </a:ln>
        </p:spPr>
        <p:txBody>
          <a:bodyPr wrap="square" lIns="72000" tIns="72000" rIns="72000" bIns="72000" rtlCol="0">
            <a:noAutofit/>
          </a:bodyPr>
          <a:lstStyle/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</p:txBody>
      </p:sp>
      <p:sp>
        <p:nvSpPr>
          <p:cNvPr id="35" name="month_range">
            <a:extLst>
              <a:ext uri="{FF2B5EF4-FFF2-40B4-BE49-F238E27FC236}">
                <a16:creationId xmlns:a16="http://schemas.microsoft.com/office/drawing/2014/main" id="{B8293717-AC51-4FD8-B90A-5C456AC6905F}"/>
              </a:ext>
            </a:extLst>
          </p:cNvPr>
          <p:cNvSpPr txBox="1">
            <a:spLocks/>
          </p:cNvSpPr>
          <p:nvPr/>
        </p:nvSpPr>
        <p:spPr>
          <a:xfrm>
            <a:off x="333264" y="832727"/>
            <a:ext cx="11520000" cy="368987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0975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Performance Review for </a:t>
            </a:r>
            <a:r>
              <a:rPr lang="en-US" i="1" dirty="0"/>
              <a:t>Month, Year</a:t>
            </a:r>
          </a:p>
        </p:txBody>
      </p:sp>
    </p:spTree>
    <p:extLst>
      <p:ext uri="{BB962C8B-B14F-4D97-AF65-F5344CB8AC3E}">
        <p14:creationId xmlns:p14="http://schemas.microsoft.com/office/powerpoint/2010/main" val="2880127089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B232DD0-7950-4A85-AD37-F1CCA2516D0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7124" y="6564601"/>
            <a:ext cx="8852400" cy="212400"/>
          </a:xfrm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0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Source of all the data is AskHR.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1200" cap="none" spc="0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0F03BE5-0187-4361-9843-98F473B794F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24EC536-6FE3-4540-8D85-74C58F0BF697}" type="slidenum">
              <a:rPr kumimoji="0" lang="en-US" sz="147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7</a:t>
            </a:fld>
            <a:endParaRPr kumimoji="0" lang="en-US" sz="147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graphicFrame>
        <p:nvGraphicFramePr>
          <p:cNvPr id="2" name="Table 6">
            <a:extLst>
              <a:ext uri="{FF2B5EF4-FFF2-40B4-BE49-F238E27FC236}">
                <a16:creationId xmlns:a16="http://schemas.microsoft.com/office/drawing/2014/main" id="{4AE7082B-9204-4508-BC73-19A4D9A20EB8}"/>
              </a:ext>
            </a:extLst>
          </p:cNvPr>
          <p:cNvGraphicFramePr>
            <a:graphicFrameLocks noGrp="1"/>
          </p:cNvGraphicFramePr>
          <p:nvPr>
            <p:ph sz="quarter" idx="21"/>
            <p:extLst>
              <p:ext uri="{D42A27DB-BD31-4B8C-83A1-F6EECF244321}">
                <p14:modId xmlns:p14="http://schemas.microsoft.com/office/powerpoint/2010/main" val="981398735"/>
              </p:ext>
            </p:extLst>
          </p:nvPr>
        </p:nvGraphicFramePr>
        <p:xfrm>
          <a:off x="263524" y="1070655"/>
          <a:ext cx="11664948" cy="5400040"/>
        </p:xfrm>
        <a:graphic>
          <a:graphicData uri="http://schemas.openxmlformats.org/drawingml/2006/table">
            <a:tbl>
              <a:tblPr firstRow="1" bandRow="1"/>
              <a:tblGrid>
                <a:gridCol w="3888316">
                  <a:extLst>
                    <a:ext uri="{9D8B030D-6E8A-4147-A177-3AD203B41FA5}">
                      <a16:colId xmlns:a16="http://schemas.microsoft.com/office/drawing/2014/main" val="638339885"/>
                    </a:ext>
                  </a:extLst>
                </a:gridCol>
                <a:gridCol w="3888316">
                  <a:extLst>
                    <a:ext uri="{9D8B030D-6E8A-4147-A177-3AD203B41FA5}">
                      <a16:colId xmlns:a16="http://schemas.microsoft.com/office/drawing/2014/main" val="206405628"/>
                    </a:ext>
                  </a:extLst>
                </a:gridCol>
                <a:gridCol w="3888316">
                  <a:extLst>
                    <a:ext uri="{9D8B030D-6E8A-4147-A177-3AD203B41FA5}">
                      <a16:colId xmlns:a16="http://schemas.microsoft.com/office/drawing/2014/main" val="110972469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KPI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Description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EC Target 20</a:t>
                      </a:r>
                      <a:r>
                        <a:rPr lang="pl-PL"/>
                        <a:t>21</a:t>
                      </a:r>
                      <a:endParaRPr lang="en-US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811235378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1400" dirty="0"/>
                        <a:t>Customer Satisfaction</a:t>
                      </a:r>
                      <a:endParaRPr lang="en-US" sz="1400" b="1" dirty="0">
                        <a:solidFill>
                          <a:schemeClr val="tx2"/>
                        </a:solidFill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91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/>
                        <a:t>Measures the s</a:t>
                      </a:r>
                      <a:r>
                        <a:rPr lang="pl-PL" sz="1400" dirty="0"/>
                        <a:t>um of customer satisfaction feedback received</a:t>
                      </a:r>
                      <a:r>
                        <a:rPr lang="en-US" sz="1400" dirty="0"/>
                        <a:t> in</a:t>
                      </a:r>
                      <a:r>
                        <a:rPr lang="en-US" sz="1400" baseline="0" dirty="0"/>
                        <a:t> the period</a:t>
                      </a:r>
                      <a:r>
                        <a:rPr lang="pl-PL" sz="1400" dirty="0"/>
                        <a:t>, based on resolved cases.</a:t>
                      </a:r>
                      <a:r>
                        <a:rPr lang="en-US" sz="1400" baseline="0" dirty="0"/>
                        <a:t> </a:t>
                      </a:r>
                      <a:endParaRPr lang="en-US" sz="14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9</a:t>
                      </a:r>
                      <a:r>
                        <a:rPr lang="pl-PL" sz="1400" dirty="0"/>
                        <a:t>2</a:t>
                      </a:r>
                      <a:r>
                        <a:rPr lang="en-US" sz="1400" dirty="0"/>
                        <a:t>%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62845190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1400" dirty="0"/>
                        <a:t>On Time</a:t>
                      </a:r>
                      <a:r>
                        <a:rPr lang="en-US" sz="1400" baseline="0" dirty="0"/>
                        <a:t> Delivery</a:t>
                      </a:r>
                      <a:endParaRPr lang="en-US" sz="1400" b="1" dirty="0">
                        <a:solidFill>
                          <a:schemeClr val="tx2"/>
                        </a:solidFill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91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/>
                        <a:t>Measures the ratio of cases for which</a:t>
                      </a:r>
                      <a:r>
                        <a:rPr lang="en-US" sz="1400" baseline="0" dirty="0"/>
                        <a:t> the SLAs have been met,</a:t>
                      </a:r>
                      <a:r>
                        <a:rPr lang="en-US" sz="1400" dirty="0"/>
                        <a:t> based on all the resolved cases from the respective period.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pl-PL" sz="1400" dirty="0"/>
                        <a:t>87</a:t>
                      </a:r>
                      <a:r>
                        <a:rPr lang="en-US" sz="1400" dirty="0"/>
                        <a:t>%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929325068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1400" dirty="0"/>
                        <a:t>Quality</a:t>
                      </a:r>
                      <a:endParaRPr lang="en-US" sz="1400" b="1" dirty="0">
                        <a:solidFill>
                          <a:schemeClr val="tx2"/>
                        </a:solidFill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US" sz="1400" dirty="0"/>
                        <a:t>Measures</a:t>
                      </a:r>
                      <a:r>
                        <a:rPr lang="en-US" sz="1400" baseline="0" dirty="0"/>
                        <a:t> </a:t>
                      </a:r>
                      <a:r>
                        <a:rPr lang="en-US" sz="1400" dirty="0"/>
                        <a:t>the ratio of passed and not passed quality checks, out of all</a:t>
                      </a:r>
                      <a:r>
                        <a:rPr lang="en-US" sz="1400" baseline="0" dirty="0"/>
                        <a:t> the quality checks performed in the respective period.</a:t>
                      </a:r>
                      <a:endParaRPr lang="en-US" sz="14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pl-PL" sz="1400" dirty="0"/>
                        <a:t>98</a:t>
                      </a:r>
                      <a:r>
                        <a:rPr lang="en-US" sz="1400" dirty="0"/>
                        <a:t>%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1695938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1400" dirty="0"/>
                        <a:t>Volumes</a:t>
                      </a:r>
                      <a:endParaRPr lang="en-US" sz="1400" b="1" dirty="0">
                        <a:solidFill>
                          <a:schemeClr val="tx2"/>
                        </a:solidFill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91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/>
                        <a:t>Measures the number of cases which were</a:t>
                      </a:r>
                      <a:r>
                        <a:rPr lang="en-US" sz="1400" baseline="0" dirty="0"/>
                        <a:t> created </a:t>
                      </a:r>
                      <a:r>
                        <a:rPr lang="en-US" sz="1400" dirty="0"/>
                        <a:t>and resolved in the respective period.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N/A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51615836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1400" dirty="0"/>
                        <a:t>Ageing</a:t>
                      </a:r>
                      <a:endParaRPr lang="en-US" sz="1400" b="1" dirty="0">
                        <a:solidFill>
                          <a:schemeClr val="tx2"/>
                        </a:solidFill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91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/>
                        <a:t>Measures the number of cases from</a:t>
                      </a:r>
                      <a:r>
                        <a:rPr lang="en-US" sz="1400" baseline="0" dirty="0"/>
                        <a:t> the different Ageing buckets, as a s</a:t>
                      </a:r>
                      <a:r>
                        <a:rPr lang="en-US" sz="1400" dirty="0"/>
                        <a:t>napshot at the end of the respective period. The base for the calculation is the total open workload.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ctr" defTabSz="914491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kern="1200" dirty="0"/>
                        <a:t>Less than </a:t>
                      </a:r>
                      <a:r>
                        <a:rPr lang="pl-PL" sz="1400" kern="1200" dirty="0"/>
                        <a:t>6,1</a:t>
                      </a:r>
                      <a:r>
                        <a:rPr lang="en-US" sz="1400" kern="1200" dirty="0"/>
                        <a:t>% of cases over 180 days</a:t>
                      </a:r>
                      <a:endParaRPr lang="en-US" sz="1400" kern="1200" dirty="0">
                        <a:solidFill>
                          <a:schemeClr val="tx1"/>
                        </a:solidFill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324231498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pl-PL" sz="1400" dirty="0"/>
                        <a:t>Root </a:t>
                      </a:r>
                      <a:r>
                        <a:rPr lang="pl-PL" sz="1400" dirty="0" err="1"/>
                        <a:t>Cause</a:t>
                      </a:r>
                      <a:r>
                        <a:rPr lang="pl-PL" sz="1400" dirty="0"/>
                        <a:t> Analysis OTD</a:t>
                      </a:r>
                      <a:endParaRPr lang="en-US" sz="1400" b="1" dirty="0">
                        <a:solidFill>
                          <a:schemeClr val="tx2"/>
                        </a:solidFill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91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/>
                        <a:t>Measures the ratio of </a:t>
                      </a:r>
                      <a:r>
                        <a:rPr lang="pl-PL" sz="1400" dirty="0"/>
                        <a:t>RCA </a:t>
                      </a:r>
                      <a:r>
                        <a:rPr lang="en-US" sz="1400" dirty="0"/>
                        <a:t>cases for which</a:t>
                      </a:r>
                      <a:r>
                        <a:rPr lang="en-US" sz="1400" baseline="0" dirty="0"/>
                        <a:t> the SLAs have been met,</a:t>
                      </a:r>
                      <a:r>
                        <a:rPr lang="en-US" sz="1400" dirty="0"/>
                        <a:t> based on all the resolved</a:t>
                      </a:r>
                      <a:r>
                        <a:rPr lang="pl-PL" sz="1400" dirty="0"/>
                        <a:t> RCA</a:t>
                      </a:r>
                      <a:r>
                        <a:rPr lang="en-US" sz="1400" dirty="0"/>
                        <a:t> cases from the respective period.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pl-PL" sz="1400" dirty="0"/>
                        <a:t>80</a:t>
                      </a:r>
                      <a:r>
                        <a:rPr lang="en-US" sz="1400" dirty="0"/>
                        <a:t>%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578917817"/>
                  </a:ext>
                </a:extLst>
              </a:tr>
            </a:tbl>
          </a:graphicData>
        </a:graphic>
      </p:graphicFrame>
      <p:sp>
        <p:nvSpPr>
          <p:cNvPr id="5" name="Title 4">
            <a:extLst>
              <a:ext uri="{FF2B5EF4-FFF2-40B4-BE49-F238E27FC236}">
                <a16:creationId xmlns:a16="http://schemas.microsoft.com/office/drawing/2014/main" id="{62D64A6D-2068-48E8-87EC-DF2DABA8E5D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HR Operations </a:t>
            </a:r>
            <a:r>
              <a:rPr lang="en-US" dirty="0"/>
              <a:t>KPIs</a:t>
            </a:r>
            <a:endParaRPr lang="en-GB" dirty="0"/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251274616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F6333C7A-9731-492A-A5DE-36B1B50C91C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263FF83F-A64F-4610-B3DF-66453E2321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24EC536-6FE3-4540-8D85-74C58F0BF697}" type="slidenum">
              <a:rPr kumimoji="0" lang="en-US" sz="1470" b="0" i="0" u="none" strike="noStrike" kern="1200" cap="none" spc="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8</a:t>
            </a:fld>
            <a:endParaRPr kumimoji="0" lang="en-US" sz="147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5" name="Text Box 13">
            <a:extLst>
              <a:ext uri="{FF2B5EF4-FFF2-40B4-BE49-F238E27FC236}">
                <a16:creationId xmlns:a16="http://schemas.microsoft.com/office/drawing/2014/main" id="{D417861A-D0DB-4B9C-A77E-4062BCB443EA}"/>
              </a:ext>
            </a:extLst>
          </p:cNvPr>
          <p:cNvSpPr txBox="1">
            <a:spLocks noChangeArrowheads="1"/>
          </p:cNvSpPr>
          <p:nvPr/>
        </p:nvSpPr>
        <p:spPr bwMode="gray">
          <a:xfrm>
            <a:off x="704850" y="6438755"/>
            <a:ext cx="3424335" cy="261610"/>
          </a:xfrm>
          <a:prstGeom prst="rect">
            <a:avLst/>
          </a:prstGeom>
          <a:noFill/>
          <a:ln w="25400">
            <a:noFill/>
            <a:miter lim="800000"/>
            <a:headEnd/>
            <a:tailEnd/>
          </a:ln>
        </p:spPr>
        <p:txBody>
          <a:bodyPr wrap="none" lIns="0" tIns="0" rIns="0" bIns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500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ja-JP" sz="117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charset="0"/>
                <a:ea typeface="Arial" pitchFamily="34" charset="0"/>
                <a:cs typeface="+mn-cs"/>
              </a:rPr>
              <a:t>POWERING GOOD FOR SUSTAINABLE ENERGY</a:t>
            </a:r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237987844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9A4A4118-4D09-40E3-919D-7D954815328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1200" cap="none" spc="0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FE123AB3-BD92-449F-B566-487B57600E6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24EC536-6FE3-4540-8D85-74C58F0BF697}" type="slidenum">
              <a:rPr kumimoji="0" lang="en-US" sz="147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</a:t>
            </a:fld>
            <a:endParaRPr kumimoji="0" lang="en-US" sz="147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9A2A693D-F8C7-45A8-9D5E-D2468827C707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r>
              <a:rPr lang="pl-PL" dirty="0" err="1"/>
              <a:t>Customer</a:t>
            </a:r>
            <a:r>
              <a:rPr lang="pl-PL" dirty="0"/>
              <a:t> </a:t>
            </a:r>
            <a:r>
              <a:rPr lang="pl-PL" dirty="0" err="1"/>
              <a:t>Satisfaction</a:t>
            </a:r>
            <a:endParaRPr lang="pl-PL" dirty="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40DA8704-5F23-4167-91CE-BD04C4B15CA8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/>
        <p:txBody>
          <a:bodyPr/>
          <a:lstStyle/>
          <a:p>
            <a:r>
              <a:rPr lang="en-US" dirty="0"/>
              <a:t>On Time Delivery (OTD)</a:t>
            </a:r>
          </a:p>
          <a:p>
            <a:endParaRPr lang="pl-PL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617E0F76-BA2F-4475-935D-64EE62DA5674}"/>
              </a:ext>
            </a:extLst>
          </p:cNvPr>
          <p:cNvSpPr>
            <a:spLocks noGrp="1"/>
          </p:cNvSpPr>
          <p:nvPr>
            <p:ph type="body" sz="quarter" idx="31"/>
          </p:nvPr>
        </p:nvSpPr>
        <p:spPr/>
        <p:txBody>
          <a:bodyPr/>
          <a:lstStyle/>
          <a:p>
            <a:r>
              <a:rPr lang="en-US" dirty="0"/>
              <a:t>Quality</a:t>
            </a:r>
          </a:p>
          <a:p>
            <a:endParaRPr lang="pl-PL" dirty="0"/>
          </a:p>
        </p:txBody>
      </p:sp>
      <p:sp>
        <p:nvSpPr>
          <p:cNvPr id="13" name="Text Placeholder 12">
            <a:extLst>
              <a:ext uri="{FF2B5EF4-FFF2-40B4-BE49-F238E27FC236}">
                <a16:creationId xmlns:a16="http://schemas.microsoft.com/office/drawing/2014/main" id="{5898D335-4F0A-4061-93D2-D84E14C68621}"/>
              </a:ext>
            </a:extLst>
          </p:cNvPr>
          <p:cNvSpPr>
            <a:spLocks noGrp="1"/>
          </p:cNvSpPr>
          <p:nvPr>
            <p:ph type="body" sz="quarter" idx="33"/>
          </p:nvPr>
        </p:nvSpPr>
        <p:spPr/>
        <p:txBody>
          <a:bodyPr/>
          <a:lstStyle/>
          <a:p>
            <a:r>
              <a:rPr lang="en-US" dirty="0">
                <a:solidFill>
                  <a:srgbClr val="FF0000"/>
                </a:solidFill>
              </a:rPr>
              <a:t>Case Ageing over 180 days</a:t>
            </a:r>
          </a:p>
          <a:p>
            <a:endParaRPr lang="pl-PL" dirty="0"/>
          </a:p>
        </p:txBody>
      </p:sp>
      <p:sp>
        <p:nvSpPr>
          <p:cNvPr id="19" name="Picture Placeholder 18">
            <a:extLst>
              <a:ext uri="{FF2B5EF4-FFF2-40B4-BE49-F238E27FC236}">
                <a16:creationId xmlns:a16="http://schemas.microsoft.com/office/drawing/2014/main" id="{C3114358-4C5F-4600-B918-CD1FF94076A3}"/>
              </a:ext>
            </a:extLst>
          </p:cNvPr>
          <p:cNvSpPr>
            <a:spLocks noGrp="1"/>
          </p:cNvSpPr>
          <p:nvPr>
            <p:ph type="pic" sz="quarter" idx="47"/>
          </p:nvPr>
        </p:nvSpPr>
        <p:spPr/>
      </p:sp>
      <p:sp>
        <p:nvSpPr>
          <p:cNvPr id="20" name="Picture Placeholder 19">
            <a:extLst>
              <a:ext uri="{FF2B5EF4-FFF2-40B4-BE49-F238E27FC236}">
                <a16:creationId xmlns:a16="http://schemas.microsoft.com/office/drawing/2014/main" id="{584D60A2-4F1B-48AF-99BC-402C81CBC450}"/>
              </a:ext>
            </a:extLst>
          </p:cNvPr>
          <p:cNvSpPr>
            <a:spLocks noGrp="1"/>
          </p:cNvSpPr>
          <p:nvPr>
            <p:ph type="pic" sz="quarter" idx="48"/>
          </p:nvPr>
        </p:nvSpPr>
        <p:spPr/>
      </p:sp>
      <p:sp>
        <p:nvSpPr>
          <p:cNvPr id="21" name="Picture Placeholder 20">
            <a:extLst>
              <a:ext uri="{FF2B5EF4-FFF2-40B4-BE49-F238E27FC236}">
                <a16:creationId xmlns:a16="http://schemas.microsoft.com/office/drawing/2014/main" id="{7FE73D8F-A525-4A0A-A2F9-5F2327487F91}"/>
              </a:ext>
            </a:extLst>
          </p:cNvPr>
          <p:cNvSpPr>
            <a:spLocks noGrp="1"/>
          </p:cNvSpPr>
          <p:nvPr>
            <p:ph type="pic" sz="quarter" idx="49"/>
          </p:nvPr>
        </p:nvSpPr>
        <p:spPr/>
      </p:sp>
      <p:sp>
        <p:nvSpPr>
          <p:cNvPr id="22" name="Picture Placeholder 21">
            <a:extLst>
              <a:ext uri="{FF2B5EF4-FFF2-40B4-BE49-F238E27FC236}">
                <a16:creationId xmlns:a16="http://schemas.microsoft.com/office/drawing/2014/main" id="{8D743F2D-F7C2-494F-AE0B-4483A35B3A4C}"/>
              </a:ext>
            </a:extLst>
          </p:cNvPr>
          <p:cNvSpPr>
            <a:spLocks noGrp="1"/>
          </p:cNvSpPr>
          <p:nvPr>
            <p:ph type="pic" sz="quarter" idx="50"/>
          </p:nvPr>
        </p:nvSpPr>
        <p:spPr/>
      </p:sp>
      <p:sp>
        <p:nvSpPr>
          <p:cNvPr id="6" name="Title 5">
            <a:extLst>
              <a:ext uri="{FF2B5EF4-FFF2-40B4-BE49-F238E27FC236}">
                <a16:creationId xmlns:a16="http://schemas.microsoft.com/office/drawing/2014/main" id="{AC7A145F-7F59-4444-B003-DA152AF69AB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Executive Summary</a:t>
            </a:r>
            <a:endParaRPr lang="pl-PL" dirty="0"/>
          </a:p>
        </p:txBody>
      </p:sp>
      <p:sp>
        <p:nvSpPr>
          <p:cNvPr id="23" name="csatChart_area" hidden="1">
            <a:extLst>
              <a:ext uri="{FF2B5EF4-FFF2-40B4-BE49-F238E27FC236}">
                <a16:creationId xmlns:a16="http://schemas.microsoft.com/office/drawing/2014/main" id="{A3C69F3A-0F46-4E6A-8C2D-CD8252A751FB}"/>
              </a:ext>
            </a:extLst>
          </p:cNvPr>
          <p:cNvSpPr>
            <a:spLocks noGrp="1"/>
          </p:cNvSpPr>
          <p:nvPr>
            <p:ph sz="quarter" idx="28"/>
          </p:nvPr>
        </p:nvSpPr>
        <p:spPr bwMode="gray">
          <a:xfrm>
            <a:off x="263525" y="3903662"/>
            <a:ext cx="2700338" cy="2152817"/>
          </a:xfrm>
          <a:prstGeom prst="rect">
            <a:avLst/>
          </a:prstGeom>
          <a:noFill/>
          <a:ln>
            <a:solidFill>
              <a:schemeClr val="bg1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pl-PL" dirty="0"/>
          </a:p>
        </p:txBody>
      </p:sp>
      <p:sp>
        <p:nvSpPr>
          <p:cNvPr id="24" name="otdChart_area" hidden="1">
            <a:extLst>
              <a:ext uri="{FF2B5EF4-FFF2-40B4-BE49-F238E27FC236}">
                <a16:creationId xmlns:a16="http://schemas.microsoft.com/office/drawing/2014/main" id="{C4DF3A7B-21F9-44EE-B30D-1A8C50E76161}"/>
              </a:ext>
            </a:extLst>
          </p:cNvPr>
          <p:cNvSpPr>
            <a:spLocks noGrp="1"/>
          </p:cNvSpPr>
          <p:nvPr>
            <p:ph sz="quarter" idx="30"/>
          </p:nvPr>
        </p:nvSpPr>
        <p:spPr bwMode="gray">
          <a:xfrm>
            <a:off x="3251200" y="3903663"/>
            <a:ext cx="2700338" cy="2152816"/>
          </a:xfrm>
          <a:prstGeom prst="rect">
            <a:avLst/>
          </a:prstGeom>
          <a:noFill/>
          <a:ln>
            <a:solidFill>
              <a:schemeClr val="bg1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pl-PL" dirty="0"/>
          </a:p>
        </p:txBody>
      </p:sp>
      <p:sp>
        <p:nvSpPr>
          <p:cNvPr id="25" name="qcChart_area" hidden="1">
            <a:extLst>
              <a:ext uri="{FF2B5EF4-FFF2-40B4-BE49-F238E27FC236}">
                <a16:creationId xmlns:a16="http://schemas.microsoft.com/office/drawing/2014/main" id="{E73A9E38-6641-437F-A806-3C5BD81B6B51}"/>
              </a:ext>
            </a:extLst>
          </p:cNvPr>
          <p:cNvSpPr>
            <a:spLocks noGrp="1"/>
          </p:cNvSpPr>
          <p:nvPr>
            <p:ph sz="quarter" idx="32"/>
          </p:nvPr>
        </p:nvSpPr>
        <p:spPr bwMode="gray">
          <a:xfrm>
            <a:off x="6240463" y="3903663"/>
            <a:ext cx="2700337" cy="2152816"/>
          </a:xfrm>
          <a:prstGeom prst="rect">
            <a:avLst/>
          </a:prstGeom>
          <a:noFill/>
          <a:ln>
            <a:solidFill>
              <a:schemeClr val="bg1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pl-PL" dirty="0"/>
          </a:p>
        </p:txBody>
      </p:sp>
      <p:sp>
        <p:nvSpPr>
          <p:cNvPr id="26" name="caChart_area" hidden="1">
            <a:extLst>
              <a:ext uri="{FF2B5EF4-FFF2-40B4-BE49-F238E27FC236}">
                <a16:creationId xmlns:a16="http://schemas.microsoft.com/office/drawing/2014/main" id="{D11C09E2-06C3-4998-8ADA-C129320270BB}"/>
              </a:ext>
            </a:extLst>
          </p:cNvPr>
          <p:cNvSpPr>
            <a:spLocks noGrp="1"/>
          </p:cNvSpPr>
          <p:nvPr>
            <p:ph sz="quarter" idx="34"/>
          </p:nvPr>
        </p:nvSpPr>
        <p:spPr bwMode="gray">
          <a:xfrm>
            <a:off x="9228138" y="3903663"/>
            <a:ext cx="2700337" cy="2152816"/>
          </a:xfrm>
          <a:prstGeom prst="rect">
            <a:avLst/>
          </a:prstGeom>
          <a:noFill/>
          <a:ln>
            <a:solidFill>
              <a:schemeClr val="bg1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pl-PL" dirty="0"/>
          </a:p>
        </p:txBody>
      </p:sp>
      <p:sp>
        <p:nvSpPr>
          <p:cNvPr id="17" name="ctry_range">
            <a:extLst>
              <a:ext uri="{FF2B5EF4-FFF2-40B4-BE49-F238E27FC236}">
                <a16:creationId xmlns:a16="http://schemas.microsoft.com/office/drawing/2014/main" id="{4F9105E3-721F-4C4F-9202-05F7F6724440}"/>
              </a:ext>
            </a:extLst>
          </p:cNvPr>
          <p:cNvSpPr txBox="1">
            <a:spLocks/>
          </p:cNvSpPr>
          <p:nvPr/>
        </p:nvSpPr>
        <p:spPr>
          <a:xfrm>
            <a:off x="333264" y="1085213"/>
            <a:ext cx="11520000" cy="504000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0975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>
                <a:cs typeface="Calibri" panose="020F0502020204030204" pitchFamily="34" charset="0"/>
              </a:rPr>
              <a:t>Performance</a:t>
            </a:r>
            <a:r>
              <a:rPr lang="en-US" dirty="0"/>
              <a:t> </a:t>
            </a:r>
            <a:r>
              <a:rPr lang="en-US" b="1" dirty="0">
                <a:solidFill>
                  <a:srgbClr val="D90000"/>
                </a:solidFill>
              </a:rPr>
              <a:t>Hub </a:t>
            </a:r>
            <a:r>
              <a:rPr lang="en-US" dirty="0"/>
              <a:t>at a glance</a:t>
            </a:r>
            <a:endParaRPr lang="en-US" dirty="0">
              <a:solidFill>
                <a:schemeClr val="tx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4245220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0DD5C92C-0BC6-45C9-97E4-63CC1F45E5F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24EC536-6FE3-4540-8D85-74C58F0BF697}" type="slidenum">
              <a:rPr kumimoji="0" lang="en-US" sz="147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</a:t>
            </a:fld>
            <a:endParaRPr kumimoji="0" lang="en-US" sz="147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7E71349D-E7A9-43BE-8889-DB47EAC3D11E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/>
        <p:txBody>
          <a:bodyPr/>
          <a:lstStyle/>
          <a:p>
            <a:r>
              <a:rPr lang="en-US" dirty="0"/>
              <a:t>Customer Satisfaction</a:t>
            </a:r>
          </a:p>
          <a:p>
            <a:endParaRPr lang="pl-PL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67C82C03-065E-44AC-B7D5-44DF59B25941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/>
        <p:txBody>
          <a:bodyPr/>
          <a:lstStyle/>
          <a:p>
            <a:r>
              <a:rPr lang="en-US" dirty="0"/>
              <a:t>Volumes</a:t>
            </a:r>
          </a:p>
          <a:p>
            <a:endParaRPr lang="pl-PL" dirty="0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987953A3-BB7A-469F-8406-017C98D96220}"/>
              </a:ext>
            </a:extLst>
          </p:cNvPr>
          <p:cNvSpPr>
            <a:spLocks noGrp="1"/>
          </p:cNvSpPr>
          <p:nvPr>
            <p:ph type="body" sz="quarter" idx="28"/>
          </p:nvPr>
        </p:nvSpPr>
        <p:spPr/>
        <p:txBody>
          <a:bodyPr/>
          <a:lstStyle/>
          <a:p>
            <a:r>
              <a:rPr lang="en-US" dirty="0"/>
              <a:t>Case Ageing</a:t>
            </a:r>
          </a:p>
          <a:p>
            <a:endParaRPr lang="pl-PL" dirty="0"/>
          </a:p>
        </p:txBody>
      </p:sp>
      <p:sp>
        <p:nvSpPr>
          <p:cNvPr id="16" name="Text Placeholder 15">
            <a:extLst>
              <a:ext uri="{FF2B5EF4-FFF2-40B4-BE49-F238E27FC236}">
                <a16:creationId xmlns:a16="http://schemas.microsoft.com/office/drawing/2014/main" id="{2C0844D2-2EA5-49CC-B09E-C5B5CA550BC3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/>
        <p:txBody>
          <a:bodyPr/>
          <a:lstStyle/>
          <a:p>
            <a:r>
              <a:rPr lang="en-US" dirty="0"/>
              <a:t>On Time Delivery (OTD)</a:t>
            </a:r>
          </a:p>
          <a:p>
            <a:endParaRPr lang="pl-PL" dirty="0"/>
          </a:p>
        </p:txBody>
      </p:sp>
      <p:sp>
        <p:nvSpPr>
          <p:cNvPr id="17" name="Text Placeholder 16">
            <a:extLst>
              <a:ext uri="{FF2B5EF4-FFF2-40B4-BE49-F238E27FC236}">
                <a16:creationId xmlns:a16="http://schemas.microsoft.com/office/drawing/2014/main" id="{EC5028DB-1A9C-4350-BED2-60EF8CF1A02B}"/>
              </a:ext>
            </a:extLst>
          </p:cNvPr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r>
              <a:rPr lang="en-US" dirty="0"/>
              <a:t>Quality</a:t>
            </a:r>
            <a:endParaRPr lang="pl-PL" dirty="0"/>
          </a:p>
        </p:txBody>
      </p:sp>
      <p:sp>
        <p:nvSpPr>
          <p:cNvPr id="18" name="Text Placeholder 17" hidden="1">
            <a:extLst>
              <a:ext uri="{FF2B5EF4-FFF2-40B4-BE49-F238E27FC236}">
                <a16:creationId xmlns:a16="http://schemas.microsoft.com/office/drawing/2014/main" id="{B9ABA7DF-BEB2-4999-AE93-E47890D77356}"/>
              </a:ext>
            </a:extLst>
          </p:cNvPr>
          <p:cNvSpPr>
            <a:spLocks noGrp="1"/>
          </p:cNvSpPr>
          <p:nvPr>
            <p:ph type="body" sz="quarter" idx="31"/>
          </p:nvPr>
        </p:nvSpPr>
        <p:spPr/>
        <p:txBody>
          <a:bodyPr/>
          <a:lstStyle/>
          <a:p>
            <a:endParaRPr lang="pl-PL" dirty="0"/>
          </a:p>
        </p:txBody>
      </p:sp>
      <p:sp>
        <p:nvSpPr>
          <p:cNvPr id="19" name="Picture Placeholder 18">
            <a:extLst>
              <a:ext uri="{FF2B5EF4-FFF2-40B4-BE49-F238E27FC236}">
                <a16:creationId xmlns:a16="http://schemas.microsoft.com/office/drawing/2014/main" id="{5D43BBF4-AF05-498C-B85D-705DEB07862B}"/>
              </a:ext>
            </a:extLst>
          </p:cNvPr>
          <p:cNvSpPr>
            <a:spLocks noGrp="1"/>
          </p:cNvSpPr>
          <p:nvPr>
            <p:ph type="pic" sz="quarter" idx="38"/>
          </p:nvPr>
        </p:nvSpPr>
        <p:spPr/>
      </p:sp>
      <p:sp>
        <p:nvSpPr>
          <p:cNvPr id="20" name="Picture Placeholder 19">
            <a:extLst>
              <a:ext uri="{FF2B5EF4-FFF2-40B4-BE49-F238E27FC236}">
                <a16:creationId xmlns:a16="http://schemas.microsoft.com/office/drawing/2014/main" id="{84D8A7E2-3F77-4CC0-8DC9-318A1C2AB66B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/>
      </p:sp>
      <p:sp>
        <p:nvSpPr>
          <p:cNvPr id="21" name="Picture Placeholder 20">
            <a:extLst>
              <a:ext uri="{FF2B5EF4-FFF2-40B4-BE49-F238E27FC236}">
                <a16:creationId xmlns:a16="http://schemas.microsoft.com/office/drawing/2014/main" id="{07B486CE-1DED-4868-97A3-E1A695F21C18}"/>
              </a:ext>
            </a:extLst>
          </p:cNvPr>
          <p:cNvSpPr>
            <a:spLocks noGrp="1"/>
          </p:cNvSpPr>
          <p:nvPr>
            <p:ph type="pic" sz="quarter" idx="40"/>
          </p:nvPr>
        </p:nvSpPr>
        <p:spPr/>
      </p:sp>
      <p:sp>
        <p:nvSpPr>
          <p:cNvPr id="22" name="Picture Placeholder 21">
            <a:extLst>
              <a:ext uri="{FF2B5EF4-FFF2-40B4-BE49-F238E27FC236}">
                <a16:creationId xmlns:a16="http://schemas.microsoft.com/office/drawing/2014/main" id="{187ED261-B291-40C5-913A-473C6EA86E03}"/>
              </a:ext>
            </a:extLst>
          </p:cNvPr>
          <p:cNvSpPr>
            <a:spLocks noGrp="1"/>
          </p:cNvSpPr>
          <p:nvPr>
            <p:ph type="pic" sz="quarter" idx="41"/>
          </p:nvPr>
        </p:nvSpPr>
        <p:spPr/>
      </p:sp>
      <p:sp>
        <p:nvSpPr>
          <p:cNvPr id="23" name="Picture Placeholder 22">
            <a:extLst>
              <a:ext uri="{FF2B5EF4-FFF2-40B4-BE49-F238E27FC236}">
                <a16:creationId xmlns:a16="http://schemas.microsoft.com/office/drawing/2014/main" id="{4279FAC3-707B-4DFB-972A-2A770D402599}"/>
              </a:ext>
            </a:extLst>
          </p:cNvPr>
          <p:cNvSpPr>
            <a:spLocks noGrp="1"/>
          </p:cNvSpPr>
          <p:nvPr>
            <p:ph type="pic" sz="quarter" idx="42"/>
          </p:nvPr>
        </p:nvSpPr>
        <p:spPr/>
      </p:sp>
      <p:sp>
        <p:nvSpPr>
          <p:cNvPr id="24" name="Picture Placeholder 23">
            <a:extLst>
              <a:ext uri="{FF2B5EF4-FFF2-40B4-BE49-F238E27FC236}">
                <a16:creationId xmlns:a16="http://schemas.microsoft.com/office/drawing/2014/main" id="{316A0CCD-2345-484D-BA33-3EF9829F2C74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/>
      </p:sp>
      <p:sp>
        <p:nvSpPr>
          <p:cNvPr id="6" name="Title 5">
            <a:extLst>
              <a:ext uri="{FF2B5EF4-FFF2-40B4-BE49-F238E27FC236}">
                <a16:creationId xmlns:a16="http://schemas.microsoft.com/office/drawing/2014/main" id="{20BC96D9-32D7-4D56-8CDA-1D433EA9E74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Executive Summary– Performance at a glance</a:t>
            </a:r>
            <a:endParaRPr lang="pl-PL" dirty="0"/>
          </a:p>
        </p:txBody>
      </p:sp>
      <p:sp>
        <p:nvSpPr>
          <p:cNvPr id="26" name="CFArea">
            <a:extLst>
              <a:ext uri="{FF2B5EF4-FFF2-40B4-BE49-F238E27FC236}">
                <a16:creationId xmlns:a16="http://schemas.microsoft.com/office/drawing/2014/main" id="{F7A85200-7B64-4147-BF4D-8AC38BE08FEF}"/>
              </a:ext>
            </a:extLst>
          </p:cNvPr>
          <p:cNvSpPr/>
          <p:nvPr/>
        </p:nvSpPr>
        <p:spPr bwMode="gray">
          <a:xfrm>
            <a:off x="263525" y="1125539"/>
            <a:ext cx="3673476" cy="1962765"/>
          </a:xfrm>
          <a:prstGeom prst="rect">
            <a:avLst/>
          </a:prstGeom>
          <a:solidFill>
            <a:schemeClr val="accent6"/>
          </a:solidFill>
          <a:ln w="1270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53972" tIns="53972" rIns="53972" bIns="53972" numCol="1" spcCol="0" rtlCol="0" fromWordArt="0" anchor="b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95% of ratings Very good / Good out of a response rate of 6%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(1202 responses received)</a:t>
            </a:r>
            <a:endParaRPr kumimoji="0" lang="en-GB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28" name="VolumeArea">
            <a:extLst>
              <a:ext uri="{FF2B5EF4-FFF2-40B4-BE49-F238E27FC236}">
                <a16:creationId xmlns:a16="http://schemas.microsoft.com/office/drawing/2014/main" id="{CCC91ED8-2022-450A-8107-F38F3C33240C}"/>
              </a:ext>
            </a:extLst>
          </p:cNvPr>
          <p:cNvSpPr/>
          <p:nvPr/>
        </p:nvSpPr>
        <p:spPr bwMode="gray">
          <a:xfrm>
            <a:off x="4254912" y="1125539"/>
            <a:ext cx="3673476" cy="1955123"/>
          </a:xfrm>
          <a:prstGeom prst="rect">
            <a:avLst/>
          </a:prstGeom>
          <a:solidFill>
            <a:schemeClr val="accent6"/>
          </a:solidFill>
          <a:ln w="1270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53972" tIns="53972" rIns="53972" bIns="53972" numCol="1" spcCol="0" rtlCol="0" fromWordArt="0" anchor="b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21015 created / 20931 closed cases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(units 77352 created / 80572 closed)</a:t>
            </a:r>
            <a:endParaRPr kumimoji="0" lang="en-GB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0" name="CAArea">
            <a:extLst>
              <a:ext uri="{FF2B5EF4-FFF2-40B4-BE49-F238E27FC236}">
                <a16:creationId xmlns:a16="http://schemas.microsoft.com/office/drawing/2014/main" id="{19C3C8A2-7A92-475D-BDB2-0E1A02136285}"/>
              </a:ext>
            </a:extLst>
          </p:cNvPr>
          <p:cNvSpPr/>
          <p:nvPr/>
        </p:nvSpPr>
        <p:spPr bwMode="gray">
          <a:xfrm>
            <a:off x="8254999" y="1125539"/>
            <a:ext cx="3673476" cy="1943840"/>
          </a:xfrm>
          <a:prstGeom prst="rect">
            <a:avLst/>
          </a:prstGeom>
          <a:solidFill>
            <a:schemeClr val="accent6"/>
          </a:solidFill>
          <a:ln w="1270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53972" tIns="53972" rIns="53972" bIns="53972" numCol="1" spcCol="0" rtlCol="0" fromWordArt="0" anchor="b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Open workload 6649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srgbClr val="D9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FF002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52% ageing &lt;15d / 14% 15-30d /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FF002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15% 30-60d /</a:t>
            </a:r>
            <a:r>
              <a:rPr kumimoji="0" lang="pl-PL" sz="1400" b="1" i="0" u="none" strike="noStrike" kern="1200" cap="none" spc="0" normalizeH="0" baseline="0" noProof="0" dirty="0">
                <a:ln>
                  <a:noFill/>
                </a:ln>
                <a:solidFill>
                  <a:srgbClr val="FF002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10% 60-180d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FF002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</a:t>
            </a:r>
            <a:r>
              <a:rPr kumimoji="0" lang="pl-PL" sz="1400" b="1" i="0" u="none" strike="noStrike" kern="1200" cap="none" spc="0" normalizeH="0" baseline="0" noProof="0" dirty="0">
                <a:ln>
                  <a:noFill/>
                </a:ln>
                <a:solidFill>
                  <a:srgbClr val="FF002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/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FF002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18% &gt;</a:t>
            </a:r>
            <a:r>
              <a:rPr kumimoji="0" lang="pl-PL" sz="1400" b="1" i="0" u="none" strike="noStrike" kern="1200" cap="none" spc="0" normalizeH="0" baseline="0" noProof="0" dirty="0">
                <a:ln>
                  <a:noFill/>
                </a:ln>
                <a:solidFill>
                  <a:srgbClr val="FF002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18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FF002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0d</a:t>
            </a:r>
            <a:endParaRPr kumimoji="0" lang="en-GB" sz="1400" b="1" i="0" u="none" strike="noStrike" kern="1200" cap="none" spc="0" normalizeH="0" baseline="0" noProof="0" dirty="0">
              <a:ln>
                <a:noFill/>
              </a:ln>
              <a:solidFill>
                <a:srgbClr val="FF0026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2" name="OTDArea">
            <a:extLst>
              <a:ext uri="{FF2B5EF4-FFF2-40B4-BE49-F238E27FC236}">
                <a16:creationId xmlns:a16="http://schemas.microsoft.com/office/drawing/2014/main" id="{4DF533AA-FCAB-436F-ADC0-714F48D21AE4}"/>
              </a:ext>
            </a:extLst>
          </p:cNvPr>
          <p:cNvSpPr/>
          <p:nvPr/>
        </p:nvSpPr>
        <p:spPr bwMode="gray">
          <a:xfrm>
            <a:off x="270514" y="3861048"/>
            <a:ext cx="3673476" cy="1932336"/>
          </a:xfrm>
          <a:prstGeom prst="rect">
            <a:avLst/>
          </a:prstGeom>
          <a:solidFill>
            <a:schemeClr val="accent6"/>
          </a:solidFill>
          <a:ln w="1270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53972" tIns="53972" rIns="53972" bIns="252000" numCol="1" spcCol="0" rtlCol="0" fromWordArt="0" anchor="b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1" i="0" u="none" strike="noStrike" kern="1200" cap="none" spc="0" normalizeH="0" baseline="0" noProof="0" dirty="0">
                <a:ln>
                  <a:noFill/>
                </a:ln>
                <a:solidFill>
                  <a:srgbClr val="FF002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86% On Time Delivery</a:t>
            </a:r>
          </a:p>
        </p:txBody>
      </p:sp>
      <p:sp>
        <p:nvSpPr>
          <p:cNvPr id="34" name="QCArea">
            <a:extLst>
              <a:ext uri="{FF2B5EF4-FFF2-40B4-BE49-F238E27FC236}">
                <a16:creationId xmlns:a16="http://schemas.microsoft.com/office/drawing/2014/main" id="{0F61B410-7185-4F9C-9AE5-F40CFFAC3958}"/>
              </a:ext>
            </a:extLst>
          </p:cNvPr>
          <p:cNvSpPr/>
          <p:nvPr/>
        </p:nvSpPr>
        <p:spPr bwMode="gray">
          <a:xfrm>
            <a:off x="4264619" y="3861048"/>
            <a:ext cx="3673476" cy="1932336"/>
          </a:xfrm>
          <a:prstGeom prst="rect">
            <a:avLst/>
          </a:prstGeom>
          <a:solidFill>
            <a:schemeClr val="accent6"/>
          </a:solidFill>
          <a:ln w="1270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53972" tIns="53972" rIns="53972" bIns="53972" numCol="1" spcCol="0" rtlCol="0" fromWordArt="0" anchor="b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FF002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27% QC done / 73% QC n/a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FF002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99% passed / 1% failed</a:t>
            </a:r>
            <a:endParaRPr kumimoji="0" lang="en-GB" sz="1400" b="1" i="0" u="none" strike="noStrike" kern="1200" cap="none" spc="0" normalizeH="0" baseline="0" noProof="0" dirty="0">
              <a:ln>
                <a:noFill/>
              </a:ln>
              <a:solidFill>
                <a:srgbClr val="FF0026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6" name="ProdArea">
            <a:extLst>
              <a:ext uri="{FF2B5EF4-FFF2-40B4-BE49-F238E27FC236}">
                <a16:creationId xmlns:a16="http://schemas.microsoft.com/office/drawing/2014/main" id="{9DFEA70D-B29F-4E60-A27A-BF07C373DD15}"/>
              </a:ext>
            </a:extLst>
          </p:cNvPr>
          <p:cNvSpPr/>
          <p:nvPr/>
        </p:nvSpPr>
        <p:spPr bwMode="gray">
          <a:xfrm>
            <a:off x="8222637" y="3877869"/>
            <a:ext cx="3688695" cy="1936335"/>
          </a:xfrm>
          <a:prstGeom prst="rect">
            <a:avLst/>
          </a:prstGeom>
          <a:solidFill>
            <a:schemeClr val="accent6"/>
          </a:solidFill>
          <a:ln w="1270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53972" tIns="53972" rIns="53972" bIns="252000" numCol="1" spcCol="0" rtlCol="0" fromWordArt="0" anchor="b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400" b="1" i="0" u="none" strike="noStrike" kern="1200" cap="none" spc="0" normalizeH="0" baseline="0" noProof="0" dirty="0">
              <a:ln>
                <a:noFill/>
              </a:ln>
              <a:solidFill>
                <a:srgbClr val="FF0026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pic>
        <p:nvPicPr>
          <p:cNvPr id="37" name="Graphic 36">
            <a:extLst>
              <a:ext uri="{FF2B5EF4-FFF2-40B4-BE49-F238E27FC236}">
                <a16:creationId xmlns:a16="http://schemas.microsoft.com/office/drawing/2014/main" id="{3F584D55-590B-400B-9DD8-75242BB0AEA4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9781202" y="4279549"/>
            <a:ext cx="593075" cy="774833"/>
          </a:xfrm>
          <a:prstGeom prst="rect">
            <a:avLst/>
          </a:prstGeom>
        </p:spPr>
      </p:pic>
      <p:sp>
        <p:nvSpPr>
          <p:cNvPr id="38" name="ctry_range">
            <a:extLst>
              <a:ext uri="{FF2B5EF4-FFF2-40B4-BE49-F238E27FC236}">
                <a16:creationId xmlns:a16="http://schemas.microsoft.com/office/drawing/2014/main" id="{58AB54C0-90E9-4295-AB1A-AFD5AA20A610}"/>
              </a:ext>
            </a:extLst>
          </p:cNvPr>
          <p:cNvSpPr txBox="1">
            <a:spLocks/>
          </p:cNvSpPr>
          <p:nvPr/>
        </p:nvSpPr>
        <p:spPr>
          <a:xfrm>
            <a:off x="333264" y="832727"/>
            <a:ext cx="11520000" cy="368987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0975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>
                <a:latin typeface="Calibri" panose="020F0502020204030204" pitchFamily="34" charset="0"/>
                <a:cs typeface="Calibri" panose="020F0502020204030204" pitchFamily="34" charset="0"/>
              </a:rPr>
              <a:t>Performance</a:t>
            </a:r>
            <a:r>
              <a:rPr lang="en-US" dirty="0"/>
              <a:t> </a:t>
            </a:r>
            <a:r>
              <a:rPr lang="en-US" b="1" dirty="0">
                <a:solidFill>
                  <a:srgbClr val="D90000"/>
                </a:solidFill>
              </a:rPr>
              <a:t>Hub </a:t>
            </a:r>
            <a:r>
              <a:rPr lang="en-US" dirty="0"/>
              <a:t>at a glance</a:t>
            </a:r>
            <a:endParaRPr lang="en-US" dirty="0">
              <a:solidFill>
                <a:schemeClr val="tx2"/>
              </a:solidFill>
            </a:endParaRPr>
          </a:p>
        </p:txBody>
      </p:sp>
      <p:pic>
        <p:nvPicPr>
          <p:cNvPr id="39" name="Picture 26">
            <a:extLst>
              <a:ext uri="{FF2B5EF4-FFF2-40B4-BE49-F238E27FC236}">
                <a16:creationId xmlns:a16="http://schemas.microsoft.com/office/drawing/2014/main" id="{8F1B4312-8212-44EE-9CCA-A8340B0BCD5A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10">
            <a:extLst>
              <a:ext uri="{96DAC541-7B7A-43D3-8B79-37D633B846F1}">
                <asvg:svgBlip xmlns:asvg="http://schemas.microsoft.com/office/drawing/2016/SVG/main" r:embed="rId11"/>
              </a:ext>
            </a:extLst>
          </a:blip>
          <a:srcRect t="8215" b="8215"/>
          <a:stretch>
            <a:fillRect/>
          </a:stretch>
        </p:blipFill>
        <p:spPr>
          <a:xfrm>
            <a:off x="1756962" y="1704454"/>
            <a:ext cx="686602" cy="573790"/>
          </a:xfrm>
          <a:prstGeom prst="rect">
            <a:avLst/>
          </a:prstGeom>
        </p:spPr>
      </p:pic>
      <p:pic>
        <p:nvPicPr>
          <p:cNvPr id="40" name="Picture 28">
            <a:extLst>
              <a:ext uri="{FF2B5EF4-FFF2-40B4-BE49-F238E27FC236}">
                <a16:creationId xmlns:a16="http://schemas.microsoft.com/office/drawing/2014/main" id="{8A3660CC-A273-47BE-BDAF-7C7B13E33BA3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>
          <a:blip r:embed="rId12">
            <a:extLst>
              <a:ext uri="{96DAC541-7B7A-43D3-8B79-37D633B846F1}">
                <asvg:svgBlip xmlns:asvg="http://schemas.microsoft.com/office/drawing/2016/SVG/main" r:embed="rId13"/>
              </a:ext>
            </a:extLst>
          </a:blip>
          <a:srcRect/>
          <a:stretch>
            <a:fillRect/>
          </a:stretch>
        </p:blipFill>
        <p:spPr>
          <a:xfrm>
            <a:off x="5792419" y="1696812"/>
            <a:ext cx="608400" cy="608400"/>
          </a:xfrm>
          <a:prstGeom prst="rect">
            <a:avLst/>
          </a:prstGeom>
        </p:spPr>
      </p:pic>
      <p:pic>
        <p:nvPicPr>
          <p:cNvPr id="41" name="Picture 30">
            <a:extLst>
              <a:ext uri="{FF2B5EF4-FFF2-40B4-BE49-F238E27FC236}">
                <a16:creationId xmlns:a16="http://schemas.microsoft.com/office/drawing/2014/main" id="{06283D19-FCA9-4475-90F3-7730C7A2623F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>
          <a:blip r:embed="rId14">
            <a:extLst>
              <a:ext uri="{96DAC541-7B7A-43D3-8B79-37D633B846F1}">
                <asvg:svgBlip xmlns:asvg="http://schemas.microsoft.com/office/drawing/2016/SVG/main" r:embed="rId15"/>
              </a:ext>
            </a:extLst>
          </a:blip>
          <a:srcRect l="5954" r="5954"/>
          <a:stretch>
            <a:fillRect/>
          </a:stretch>
        </p:blipFill>
        <p:spPr>
          <a:xfrm>
            <a:off x="9822808" y="1685529"/>
            <a:ext cx="537861" cy="610572"/>
          </a:xfrm>
          <a:prstGeom prst="rect">
            <a:avLst/>
          </a:prstGeom>
        </p:spPr>
      </p:pic>
      <p:pic>
        <p:nvPicPr>
          <p:cNvPr id="42" name="Graphic 41">
            <a:extLst>
              <a:ext uri="{FF2B5EF4-FFF2-40B4-BE49-F238E27FC236}">
                <a16:creationId xmlns:a16="http://schemas.microsoft.com/office/drawing/2014/main" id="{0B38F3B2-33FD-4EFA-9D5B-DB5C15A02ADB}"/>
              </a:ext>
            </a:extLst>
          </p:cNvPr>
          <p:cNvPicPr>
            <a:picLocks/>
          </p:cNvPicPr>
          <p:nvPr>
            <p:custDataLst>
              <p:tags r:id="rId4"/>
            </p:custDataLst>
          </p:nvPr>
        </p:nvPicPr>
        <p:blipFill>
          <a:blip r:embed="rId16">
            <a:extLst>
              <a:ext uri="{96DAC541-7B7A-43D3-8B79-37D633B846F1}">
                <asvg:svgBlip xmlns:asvg="http://schemas.microsoft.com/office/drawing/2016/SVG/main" r:embed="rId17"/>
              </a:ext>
            </a:extLst>
          </a:blip>
          <a:srcRect l="4876" r="4876"/>
          <a:stretch>
            <a:fillRect/>
          </a:stretch>
        </p:blipFill>
        <p:spPr>
          <a:xfrm>
            <a:off x="9798669" y="4533942"/>
            <a:ext cx="536633" cy="594627"/>
          </a:xfrm>
          <a:prstGeom prst="rect">
            <a:avLst/>
          </a:prstGeom>
        </p:spPr>
      </p:pic>
      <p:pic>
        <p:nvPicPr>
          <p:cNvPr id="43" name="Picture 34">
            <a:extLst>
              <a:ext uri="{FF2B5EF4-FFF2-40B4-BE49-F238E27FC236}">
                <a16:creationId xmlns:a16="http://schemas.microsoft.com/office/drawing/2014/main" id="{FEA644E8-D3C0-43BA-BDA0-10126423A159}"/>
              </a:ext>
            </a:extLst>
          </p:cNvPr>
          <p:cNvPicPr>
            <a:picLocks noChangeAspect="1"/>
          </p:cNvPicPr>
          <p:nvPr>
            <p:custDataLst>
              <p:tags r:id="rId5"/>
            </p:custDataLst>
          </p:nvPr>
        </p:nvPicPr>
        <p:blipFill>
          <a:blip r:embed="rId18">
            <a:extLst>
              <a:ext uri="{96DAC541-7B7A-43D3-8B79-37D633B846F1}">
                <asvg:svgBlip xmlns:asvg="http://schemas.microsoft.com/office/drawing/2016/SVG/main" r:embed="rId19"/>
              </a:ext>
            </a:extLst>
          </a:blip>
          <a:srcRect l="6698" r="6698"/>
          <a:stretch>
            <a:fillRect/>
          </a:stretch>
        </p:blipFill>
        <p:spPr>
          <a:xfrm>
            <a:off x="5827857" y="4459755"/>
            <a:ext cx="547003" cy="631612"/>
          </a:xfrm>
          <a:prstGeom prst="rect">
            <a:avLst/>
          </a:prstGeom>
        </p:spPr>
      </p:pic>
      <p:pic>
        <p:nvPicPr>
          <p:cNvPr id="44" name="Picture 32">
            <a:extLst>
              <a:ext uri="{FF2B5EF4-FFF2-40B4-BE49-F238E27FC236}">
                <a16:creationId xmlns:a16="http://schemas.microsoft.com/office/drawing/2014/main" id="{C7884781-7EFC-4921-BAEB-2FA231267677}"/>
              </a:ext>
            </a:extLst>
          </p:cNvPr>
          <p:cNvPicPr>
            <a:picLocks noChangeAspect="1"/>
          </p:cNvPicPr>
          <p:nvPr>
            <p:custDataLst>
              <p:tags r:id="rId6"/>
            </p:custDataLst>
          </p:nvPr>
        </p:nvPicPr>
        <p:blipFill>
          <a:blip r:embed="rId20">
            <a:extLst>
              <a:ext uri="{96DAC541-7B7A-43D3-8B79-37D633B846F1}">
                <asvg:svgBlip xmlns:asvg="http://schemas.microsoft.com/office/drawing/2016/SVG/main" r:embed="rId21"/>
              </a:ext>
            </a:extLst>
          </a:blip>
          <a:srcRect l="6509" r="6509"/>
          <a:stretch>
            <a:fillRect/>
          </a:stretch>
        </p:blipFill>
        <p:spPr>
          <a:xfrm>
            <a:off x="1821035" y="4351159"/>
            <a:ext cx="549391" cy="631612"/>
          </a:xfrm>
          <a:prstGeom prst="rect">
            <a:avLst/>
          </a:prstGeom>
        </p:spPr>
      </p:pic>
      <p:sp>
        <p:nvSpPr>
          <p:cNvPr id="46" name="Text Placeholder 14">
            <a:extLst>
              <a:ext uri="{FF2B5EF4-FFF2-40B4-BE49-F238E27FC236}">
                <a16:creationId xmlns:a16="http://schemas.microsoft.com/office/drawing/2014/main" id="{7F209704-0E6C-4831-B9C8-862B92A557D7}"/>
              </a:ext>
            </a:extLst>
          </p:cNvPr>
          <p:cNvSpPr txBox="1">
            <a:spLocks/>
          </p:cNvSpPr>
          <p:nvPr/>
        </p:nvSpPr>
        <p:spPr bwMode="gray">
          <a:xfrm>
            <a:off x="8222637" y="5974512"/>
            <a:ext cx="3672235" cy="252000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400" b="1" kern="1200">
                <a:solidFill>
                  <a:schemeClr val="accent4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 kern="1200">
                <a:solidFill>
                  <a:schemeClr val="accent4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 kern="1200">
                <a:solidFill>
                  <a:schemeClr val="accent4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100"/>
              </a:spcBef>
              <a:spcAft>
                <a:spcPts val="0"/>
              </a:spcAft>
              <a:buFont typeface="Arial" panose="020B0604020202020204" pitchFamily="34" charset="0"/>
              <a:buNone/>
              <a:defRPr sz="1600" b="1" kern="1200">
                <a:solidFill>
                  <a:schemeClr val="accent4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 kern="1200">
                <a:solidFill>
                  <a:schemeClr val="accent4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600" b="1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 b="1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 b="1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 b="1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pl-PL" dirty="0" err="1"/>
              <a:t>Attrition</a:t>
            </a:r>
            <a:endParaRPr lang="en-US" dirty="0"/>
          </a:p>
          <a:p>
            <a:endParaRPr lang="pl-PL" dirty="0"/>
          </a:p>
        </p:txBody>
      </p:sp>
    </p:spTree>
    <p:extLst>
      <p:ext uri="{BB962C8B-B14F-4D97-AF65-F5344CB8AC3E}">
        <p14:creationId xmlns:p14="http://schemas.microsoft.com/office/powerpoint/2010/main" val="36309069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ubtitle 6" hidden="1">
            <a:extLst>
              <a:ext uri="{FF2B5EF4-FFF2-40B4-BE49-F238E27FC236}">
                <a16:creationId xmlns:a16="http://schemas.microsoft.com/office/drawing/2014/main" id="{F5041BFF-4EBB-4FB0-883A-128ECA892365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pl-PL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B232DD0-7950-4A85-AD37-F1CCA2516D0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1200" cap="none" spc="0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0F03BE5-0187-4361-9843-98F473B794F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24EC536-6FE3-4540-8D85-74C58F0BF697}" type="slidenum">
              <a:rPr kumimoji="0" lang="en-US" sz="147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4</a:t>
            </a:fld>
            <a:endParaRPr kumimoji="0" lang="en-US" sz="147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8" name="ctry_range">
            <a:extLst>
              <a:ext uri="{FF2B5EF4-FFF2-40B4-BE49-F238E27FC236}">
                <a16:creationId xmlns:a16="http://schemas.microsoft.com/office/drawing/2014/main" id="{0C7FBAF5-8CEA-4947-9B3A-857461DA221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95438" y="3225800"/>
            <a:ext cx="8815387" cy="665163"/>
          </a:xfrm>
        </p:spPr>
        <p:txBody>
          <a:bodyPr/>
          <a:lstStyle/>
          <a:p>
            <a:r>
              <a:rPr lang="pl-PL" dirty="0"/>
              <a:t>HR Operations </a:t>
            </a:r>
            <a:r>
              <a:rPr lang="en-US" dirty="0">
                <a:solidFill>
                  <a:srgbClr val="D90000"/>
                </a:solidFill>
              </a:rPr>
              <a:t>Hub </a:t>
            </a:r>
            <a:r>
              <a:rPr lang="en-US" dirty="0"/>
              <a:t>Monthly Review | Service Line View</a:t>
            </a:r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382833827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91A0D51-D3F5-4DA4-ACFA-2C8345203A5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1200" cap="none" spc="0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921E8D7-96A9-4889-ACFC-7D043D6E1CC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24EC536-6FE3-4540-8D85-74C58F0BF697}" type="slidenum">
              <a:rPr kumimoji="0" lang="en-US" sz="147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</a:t>
            </a:fld>
            <a:endParaRPr kumimoji="0" lang="en-US" sz="147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7" name="Picture Placeholder 6" hidden="1">
            <a:extLst>
              <a:ext uri="{FF2B5EF4-FFF2-40B4-BE49-F238E27FC236}">
                <a16:creationId xmlns:a16="http://schemas.microsoft.com/office/drawing/2014/main" id="{96A22372-E057-4E19-86E8-D1DB0CDAC2A1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/>
      </p:sp>
      <p:sp>
        <p:nvSpPr>
          <p:cNvPr id="8" name="Picture Placeholder 7" hidden="1">
            <a:extLst>
              <a:ext uri="{FF2B5EF4-FFF2-40B4-BE49-F238E27FC236}">
                <a16:creationId xmlns:a16="http://schemas.microsoft.com/office/drawing/2014/main" id="{78B442AE-4A1B-4E72-840A-22B6544A56F7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/>
      </p:sp>
      <p:sp>
        <p:nvSpPr>
          <p:cNvPr id="9" name="Picture Placeholder 8" hidden="1">
            <a:extLst>
              <a:ext uri="{FF2B5EF4-FFF2-40B4-BE49-F238E27FC236}">
                <a16:creationId xmlns:a16="http://schemas.microsoft.com/office/drawing/2014/main" id="{B2D6290D-AF4F-4768-A421-D15042A91FC0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/>
      </p:sp>
      <p:sp>
        <p:nvSpPr>
          <p:cNvPr id="12" name="Picture Placeholder 11" hidden="1">
            <a:extLst>
              <a:ext uri="{FF2B5EF4-FFF2-40B4-BE49-F238E27FC236}">
                <a16:creationId xmlns:a16="http://schemas.microsoft.com/office/drawing/2014/main" id="{CECF1EBD-6759-488B-A7AA-B7C27785483B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/>
      </p:sp>
      <p:sp>
        <p:nvSpPr>
          <p:cNvPr id="13" name="Picture Placeholder 12" hidden="1">
            <a:extLst>
              <a:ext uri="{FF2B5EF4-FFF2-40B4-BE49-F238E27FC236}">
                <a16:creationId xmlns:a16="http://schemas.microsoft.com/office/drawing/2014/main" id="{1F9AF83E-7460-4626-9E10-A48E28CF1F3B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/>
      </p:sp>
      <p:sp>
        <p:nvSpPr>
          <p:cNvPr id="14" name="Picture Placeholder 13" hidden="1">
            <a:extLst>
              <a:ext uri="{FF2B5EF4-FFF2-40B4-BE49-F238E27FC236}">
                <a16:creationId xmlns:a16="http://schemas.microsoft.com/office/drawing/2014/main" id="{58E0EFF1-DB23-4FEF-8513-C43A8DECA295}"/>
              </a:ext>
            </a:extLst>
          </p:cNvPr>
          <p:cNvSpPr>
            <a:spLocks noGrp="1"/>
          </p:cNvSpPr>
          <p:nvPr>
            <p:ph type="pic" sz="quarter" idx="27"/>
          </p:nvPr>
        </p:nvSpPr>
        <p:spPr/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9AE62A70-EBCB-4815-B243-1209A0FAA1B4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/>
        <p:txBody>
          <a:bodyPr/>
          <a:lstStyle/>
          <a:p>
            <a:r>
              <a:rPr lang="en-US" dirty="0"/>
              <a:t>Customer Satisfaction</a:t>
            </a:r>
          </a:p>
          <a:p>
            <a:endParaRPr lang="pl-PL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EE672478-51E3-4496-BEF6-BBE5DBB94C29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/>
        <p:txBody>
          <a:bodyPr/>
          <a:lstStyle/>
          <a:p>
            <a:r>
              <a:rPr lang="en-US" dirty="0"/>
              <a:t>On Time Delivery</a:t>
            </a:r>
          </a:p>
          <a:p>
            <a:endParaRPr lang="pl-PL" dirty="0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5CA6D249-0C1B-4BE4-B33E-CB456DC7ECB1}"/>
              </a:ext>
            </a:extLst>
          </p:cNvPr>
          <p:cNvSpPr>
            <a:spLocks noGrp="1"/>
          </p:cNvSpPr>
          <p:nvPr>
            <p:ph type="body" sz="quarter" idx="28"/>
          </p:nvPr>
        </p:nvSpPr>
        <p:spPr/>
        <p:txBody>
          <a:bodyPr/>
          <a:lstStyle/>
          <a:p>
            <a:r>
              <a:rPr lang="en-US" dirty="0"/>
              <a:t>Quality</a:t>
            </a:r>
            <a:endParaRPr lang="pl-PL" dirty="0"/>
          </a:p>
        </p:txBody>
      </p:sp>
      <p:sp>
        <p:nvSpPr>
          <p:cNvPr id="16" name="Text Placeholder 15">
            <a:extLst>
              <a:ext uri="{FF2B5EF4-FFF2-40B4-BE49-F238E27FC236}">
                <a16:creationId xmlns:a16="http://schemas.microsoft.com/office/drawing/2014/main" id="{0AA66022-926A-43CA-B5C4-2166C344CD14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/>
        <p:txBody>
          <a:bodyPr/>
          <a:lstStyle/>
          <a:p>
            <a:r>
              <a:rPr lang="en-US" dirty="0"/>
              <a:t>Volumes</a:t>
            </a:r>
            <a:endParaRPr lang="pl-PL" dirty="0"/>
          </a:p>
        </p:txBody>
      </p:sp>
      <p:sp>
        <p:nvSpPr>
          <p:cNvPr id="17" name="Text Placeholder 16">
            <a:extLst>
              <a:ext uri="{FF2B5EF4-FFF2-40B4-BE49-F238E27FC236}">
                <a16:creationId xmlns:a16="http://schemas.microsoft.com/office/drawing/2014/main" id="{C885ACAC-8E17-4C0E-BF33-4E9D8075ADC5}"/>
              </a:ext>
            </a:extLst>
          </p:cNvPr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r>
              <a:rPr lang="en-US" dirty="0"/>
              <a:t>Case Ageing</a:t>
            </a:r>
          </a:p>
          <a:p>
            <a:endParaRPr lang="pl-PL" dirty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4D17BB11-3E54-449B-B1CD-D61822E75CEC}"/>
              </a:ext>
            </a:extLst>
          </p:cNvPr>
          <p:cNvSpPr>
            <a:spLocks noGrp="1"/>
          </p:cNvSpPr>
          <p:nvPr>
            <p:ph type="body" sz="quarter" idx="31"/>
          </p:nvPr>
        </p:nvSpPr>
        <p:spPr/>
        <p:txBody>
          <a:bodyPr/>
          <a:lstStyle/>
          <a:p>
            <a:r>
              <a:rPr lang="en-US" dirty="0"/>
              <a:t>Achievements &amp; Challenges</a:t>
            </a:r>
          </a:p>
          <a:p>
            <a:endParaRPr lang="pl-PL" dirty="0"/>
          </a:p>
        </p:txBody>
      </p:sp>
      <p:sp>
        <p:nvSpPr>
          <p:cNvPr id="19" name="Picture Placeholder 18">
            <a:extLst>
              <a:ext uri="{FF2B5EF4-FFF2-40B4-BE49-F238E27FC236}">
                <a16:creationId xmlns:a16="http://schemas.microsoft.com/office/drawing/2014/main" id="{AFA4E6EB-B6E4-4BB8-B4F6-9CAE7598E5D1}"/>
              </a:ext>
            </a:extLst>
          </p:cNvPr>
          <p:cNvSpPr>
            <a:spLocks noGrp="1"/>
          </p:cNvSpPr>
          <p:nvPr>
            <p:ph type="pic" sz="quarter" idx="38"/>
          </p:nvPr>
        </p:nvSpPr>
        <p:spPr/>
      </p:sp>
      <p:sp>
        <p:nvSpPr>
          <p:cNvPr id="20" name="Picture Placeholder 19">
            <a:extLst>
              <a:ext uri="{FF2B5EF4-FFF2-40B4-BE49-F238E27FC236}">
                <a16:creationId xmlns:a16="http://schemas.microsoft.com/office/drawing/2014/main" id="{24384FCF-3618-422E-8C27-ED44AB32278D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/>
      </p:sp>
      <p:sp>
        <p:nvSpPr>
          <p:cNvPr id="21" name="Picture Placeholder 20">
            <a:extLst>
              <a:ext uri="{FF2B5EF4-FFF2-40B4-BE49-F238E27FC236}">
                <a16:creationId xmlns:a16="http://schemas.microsoft.com/office/drawing/2014/main" id="{9D8CE06D-34B8-4F5E-8762-4E0D7E265E4B}"/>
              </a:ext>
            </a:extLst>
          </p:cNvPr>
          <p:cNvSpPr>
            <a:spLocks noGrp="1"/>
          </p:cNvSpPr>
          <p:nvPr>
            <p:ph type="pic" sz="quarter" idx="40"/>
          </p:nvPr>
        </p:nvSpPr>
        <p:spPr/>
      </p:sp>
      <p:sp>
        <p:nvSpPr>
          <p:cNvPr id="22" name="Picture Placeholder 21">
            <a:extLst>
              <a:ext uri="{FF2B5EF4-FFF2-40B4-BE49-F238E27FC236}">
                <a16:creationId xmlns:a16="http://schemas.microsoft.com/office/drawing/2014/main" id="{6273BBC5-E34F-4502-B173-AC05F085BA0F}"/>
              </a:ext>
            </a:extLst>
          </p:cNvPr>
          <p:cNvSpPr>
            <a:spLocks noGrp="1"/>
          </p:cNvSpPr>
          <p:nvPr>
            <p:ph type="pic" sz="quarter" idx="41"/>
          </p:nvPr>
        </p:nvSpPr>
        <p:spPr/>
      </p:sp>
      <p:sp>
        <p:nvSpPr>
          <p:cNvPr id="23" name="Picture Placeholder 22">
            <a:extLst>
              <a:ext uri="{FF2B5EF4-FFF2-40B4-BE49-F238E27FC236}">
                <a16:creationId xmlns:a16="http://schemas.microsoft.com/office/drawing/2014/main" id="{F0720E70-4706-463E-8CBF-099F4EC737E2}"/>
              </a:ext>
            </a:extLst>
          </p:cNvPr>
          <p:cNvSpPr>
            <a:spLocks noGrp="1"/>
          </p:cNvSpPr>
          <p:nvPr>
            <p:ph type="pic" sz="quarter" idx="42"/>
          </p:nvPr>
        </p:nvSpPr>
        <p:spPr/>
      </p:sp>
      <p:sp>
        <p:nvSpPr>
          <p:cNvPr id="24" name="Picture Placeholder 23">
            <a:extLst>
              <a:ext uri="{FF2B5EF4-FFF2-40B4-BE49-F238E27FC236}">
                <a16:creationId xmlns:a16="http://schemas.microsoft.com/office/drawing/2014/main" id="{3768FC63-4CDC-4F79-AA7B-5DB59CEAC1CC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/>
      </p:sp>
      <p:sp>
        <p:nvSpPr>
          <p:cNvPr id="25" name="ctry_range">
            <a:extLst>
              <a:ext uri="{FF2B5EF4-FFF2-40B4-BE49-F238E27FC236}">
                <a16:creationId xmlns:a16="http://schemas.microsoft.com/office/drawing/2014/main" id="{DA59042C-3234-45D2-A269-5EED2C5BD4E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5" y="187325"/>
            <a:ext cx="8856663" cy="434975"/>
          </a:xfrm>
        </p:spPr>
        <p:txBody>
          <a:bodyPr/>
          <a:lstStyle/>
          <a:p>
            <a:r>
              <a:rPr lang="pl-PL" dirty="0"/>
              <a:t>HR Operations</a:t>
            </a:r>
            <a:r>
              <a:rPr lang="en-US" dirty="0"/>
              <a:t> </a:t>
            </a:r>
            <a:r>
              <a:rPr lang="en-US" dirty="0">
                <a:solidFill>
                  <a:srgbClr val="D90000"/>
                </a:solidFill>
              </a:rPr>
              <a:t>Hub</a:t>
            </a:r>
            <a:r>
              <a:rPr lang="en-US" dirty="0"/>
              <a:t> | Talent </a:t>
            </a:r>
            <a:r>
              <a:rPr lang="en-US" dirty="0" err="1"/>
              <a:t>Acquisitio</a:t>
            </a:r>
            <a:r>
              <a:rPr lang="pl-PL" dirty="0"/>
              <a:t>n </a:t>
            </a:r>
            <a:endParaRPr lang="en-US" dirty="0"/>
          </a:p>
        </p:txBody>
      </p:sp>
      <p:sp>
        <p:nvSpPr>
          <p:cNvPr id="29" name="CSChart_Area">
            <a:extLst>
              <a:ext uri="{FF2B5EF4-FFF2-40B4-BE49-F238E27FC236}">
                <a16:creationId xmlns:a16="http://schemas.microsoft.com/office/drawing/2014/main" id="{0C6032D3-E8A5-4602-B8FA-E6AFEF3DCB04}"/>
              </a:ext>
            </a:extLst>
          </p:cNvPr>
          <p:cNvSpPr/>
          <p:nvPr/>
        </p:nvSpPr>
        <p:spPr bwMode="gray">
          <a:xfrm>
            <a:off x="263525" y="1125539"/>
            <a:ext cx="3679224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0" name="OTDChart_Area">
            <a:extLst>
              <a:ext uri="{FF2B5EF4-FFF2-40B4-BE49-F238E27FC236}">
                <a16:creationId xmlns:a16="http://schemas.microsoft.com/office/drawing/2014/main" id="{472EBBDD-D425-4F34-8418-815A26B24F98}"/>
              </a:ext>
            </a:extLst>
          </p:cNvPr>
          <p:cNvSpPr/>
          <p:nvPr/>
        </p:nvSpPr>
        <p:spPr bwMode="gray">
          <a:xfrm>
            <a:off x="4256388" y="1119402"/>
            <a:ext cx="3679224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1" name="QCChart_Area">
            <a:extLst>
              <a:ext uri="{FF2B5EF4-FFF2-40B4-BE49-F238E27FC236}">
                <a16:creationId xmlns:a16="http://schemas.microsoft.com/office/drawing/2014/main" id="{B05360B1-7BEE-4116-9A49-593DDEFF2B93}"/>
              </a:ext>
            </a:extLst>
          </p:cNvPr>
          <p:cNvSpPr/>
          <p:nvPr/>
        </p:nvSpPr>
        <p:spPr bwMode="gray">
          <a:xfrm>
            <a:off x="8256239" y="1119401"/>
            <a:ext cx="3672235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2" name="VLChart_Area">
            <a:extLst>
              <a:ext uri="{FF2B5EF4-FFF2-40B4-BE49-F238E27FC236}">
                <a16:creationId xmlns:a16="http://schemas.microsoft.com/office/drawing/2014/main" id="{DC6C337D-E42A-4D4F-A5E2-E061F446D4A7}"/>
              </a:ext>
            </a:extLst>
          </p:cNvPr>
          <p:cNvSpPr/>
          <p:nvPr/>
        </p:nvSpPr>
        <p:spPr bwMode="gray">
          <a:xfrm>
            <a:off x="270514" y="3861048"/>
            <a:ext cx="3666399" cy="1932336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3" name="CAChart_Area">
            <a:extLst>
              <a:ext uri="{FF2B5EF4-FFF2-40B4-BE49-F238E27FC236}">
                <a16:creationId xmlns:a16="http://schemas.microsoft.com/office/drawing/2014/main" id="{0CC4251D-54BD-40D3-9577-BE46B4FA0E13}"/>
              </a:ext>
            </a:extLst>
          </p:cNvPr>
          <p:cNvSpPr/>
          <p:nvPr/>
        </p:nvSpPr>
        <p:spPr bwMode="gray">
          <a:xfrm>
            <a:off x="4256152" y="3861047"/>
            <a:ext cx="3672236" cy="1932335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4" name="achievement_HUTA">
            <a:extLst>
              <a:ext uri="{FF2B5EF4-FFF2-40B4-BE49-F238E27FC236}">
                <a16:creationId xmlns:a16="http://schemas.microsoft.com/office/drawing/2014/main" id="{0422D2CB-1B14-4BB4-BC45-7008E739BA97}"/>
              </a:ext>
            </a:extLst>
          </p:cNvPr>
          <p:cNvSpPr txBox="1"/>
          <p:nvPr/>
        </p:nvSpPr>
        <p:spPr bwMode="gray">
          <a:xfrm>
            <a:off x="8247626" y="3861047"/>
            <a:ext cx="3673859" cy="1932334"/>
          </a:xfrm>
          <a:prstGeom prst="rect">
            <a:avLst/>
          </a:prstGeom>
          <a:noFill/>
          <a:ln>
            <a:solidFill>
              <a:schemeClr val="accent3"/>
            </a:solidFill>
          </a:ln>
        </p:spPr>
        <p:txBody>
          <a:bodyPr wrap="square" lIns="72000" tIns="72000" rIns="72000" bIns="72000" rtlCol="0">
            <a:noAutofit/>
          </a:bodyPr>
          <a:lstStyle/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</p:txBody>
      </p:sp>
      <p:sp>
        <p:nvSpPr>
          <p:cNvPr id="35" name="month_range">
            <a:extLst>
              <a:ext uri="{FF2B5EF4-FFF2-40B4-BE49-F238E27FC236}">
                <a16:creationId xmlns:a16="http://schemas.microsoft.com/office/drawing/2014/main" id="{1D7D9F96-7A50-4369-A5E6-3C00251C16E2}"/>
              </a:ext>
            </a:extLst>
          </p:cNvPr>
          <p:cNvSpPr txBox="1">
            <a:spLocks/>
          </p:cNvSpPr>
          <p:nvPr/>
        </p:nvSpPr>
        <p:spPr>
          <a:xfrm>
            <a:off x="333264" y="832727"/>
            <a:ext cx="11520000" cy="368987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0975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Performance Review for </a:t>
            </a:r>
            <a:r>
              <a:rPr lang="en-US" i="1" dirty="0"/>
              <a:t>Month, Year</a:t>
            </a:r>
          </a:p>
        </p:txBody>
      </p:sp>
    </p:spTree>
    <p:extLst>
      <p:ext uri="{BB962C8B-B14F-4D97-AF65-F5344CB8AC3E}">
        <p14:creationId xmlns:p14="http://schemas.microsoft.com/office/powerpoint/2010/main" val="116009629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91A0D51-D3F5-4DA4-ACFA-2C8345203A5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1200" cap="none" spc="0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921E8D7-96A9-4889-ACFC-7D043D6E1CC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24EC536-6FE3-4540-8D85-74C58F0BF697}" type="slidenum">
              <a:rPr kumimoji="0" lang="en-US" sz="147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6</a:t>
            </a:fld>
            <a:endParaRPr kumimoji="0" lang="en-US" sz="147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7" name="Picture Placeholder 6" hidden="1">
            <a:extLst>
              <a:ext uri="{FF2B5EF4-FFF2-40B4-BE49-F238E27FC236}">
                <a16:creationId xmlns:a16="http://schemas.microsoft.com/office/drawing/2014/main" id="{96A22372-E057-4E19-86E8-D1DB0CDAC2A1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/>
      </p:sp>
      <p:sp>
        <p:nvSpPr>
          <p:cNvPr id="8" name="Picture Placeholder 7" hidden="1">
            <a:extLst>
              <a:ext uri="{FF2B5EF4-FFF2-40B4-BE49-F238E27FC236}">
                <a16:creationId xmlns:a16="http://schemas.microsoft.com/office/drawing/2014/main" id="{78B442AE-4A1B-4E72-840A-22B6544A56F7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/>
      </p:sp>
      <p:sp>
        <p:nvSpPr>
          <p:cNvPr id="9" name="Picture Placeholder 8" hidden="1">
            <a:extLst>
              <a:ext uri="{FF2B5EF4-FFF2-40B4-BE49-F238E27FC236}">
                <a16:creationId xmlns:a16="http://schemas.microsoft.com/office/drawing/2014/main" id="{B2D6290D-AF4F-4768-A421-D15042A91FC0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/>
      </p:sp>
      <p:sp>
        <p:nvSpPr>
          <p:cNvPr id="12" name="Picture Placeholder 11" hidden="1">
            <a:extLst>
              <a:ext uri="{FF2B5EF4-FFF2-40B4-BE49-F238E27FC236}">
                <a16:creationId xmlns:a16="http://schemas.microsoft.com/office/drawing/2014/main" id="{CECF1EBD-6759-488B-A7AA-B7C27785483B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/>
      </p:sp>
      <p:sp>
        <p:nvSpPr>
          <p:cNvPr id="13" name="Picture Placeholder 12" hidden="1">
            <a:extLst>
              <a:ext uri="{FF2B5EF4-FFF2-40B4-BE49-F238E27FC236}">
                <a16:creationId xmlns:a16="http://schemas.microsoft.com/office/drawing/2014/main" id="{1F9AF83E-7460-4626-9E10-A48E28CF1F3B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/>
      </p:sp>
      <p:sp>
        <p:nvSpPr>
          <p:cNvPr id="14" name="Picture Placeholder 13" hidden="1">
            <a:extLst>
              <a:ext uri="{FF2B5EF4-FFF2-40B4-BE49-F238E27FC236}">
                <a16:creationId xmlns:a16="http://schemas.microsoft.com/office/drawing/2014/main" id="{58E0EFF1-DB23-4FEF-8513-C43A8DECA295}"/>
              </a:ext>
            </a:extLst>
          </p:cNvPr>
          <p:cNvSpPr>
            <a:spLocks noGrp="1"/>
          </p:cNvSpPr>
          <p:nvPr>
            <p:ph type="pic" sz="quarter" idx="27"/>
          </p:nvPr>
        </p:nvSpPr>
        <p:spPr/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9AE62A70-EBCB-4815-B243-1209A0FAA1B4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/>
        <p:txBody>
          <a:bodyPr/>
          <a:lstStyle/>
          <a:p>
            <a:r>
              <a:rPr lang="en-US" dirty="0"/>
              <a:t>Customer Satisfaction</a:t>
            </a:r>
          </a:p>
          <a:p>
            <a:endParaRPr lang="pl-PL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EE672478-51E3-4496-BEF6-BBE5DBB94C29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/>
        <p:txBody>
          <a:bodyPr/>
          <a:lstStyle/>
          <a:p>
            <a:r>
              <a:rPr lang="en-US" dirty="0"/>
              <a:t>On Time Delivery</a:t>
            </a:r>
          </a:p>
          <a:p>
            <a:endParaRPr lang="pl-PL" dirty="0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5CA6D249-0C1B-4BE4-B33E-CB456DC7ECB1}"/>
              </a:ext>
            </a:extLst>
          </p:cNvPr>
          <p:cNvSpPr>
            <a:spLocks noGrp="1"/>
          </p:cNvSpPr>
          <p:nvPr>
            <p:ph type="body" sz="quarter" idx="28"/>
          </p:nvPr>
        </p:nvSpPr>
        <p:spPr/>
        <p:txBody>
          <a:bodyPr/>
          <a:lstStyle/>
          <a:p>
            <a:r>
              <a:rPr lang="en-US" dirty="0"/>
              <a:t>Quality</a:t>
            </a:r>
            <a:endParaRPr lang="pl-PL" dirty="0"/>
          </a:p>
        </p:txBody>
      </p:sp>
      <p:sp>
        <p:nvSpPr>
          <p:cNvPr id="16" name="Text Placeholder 15">
            <a:extLst>
              <a:ext uri="{FF2B5EF4-FFF2-40B4-BE49-F238E27FC236}">
                <a16:creationId xmlns:a16="http://schemas.microsoft.com/office/drawing/2014/main" id="{0AA66022-926A-43CA-B5C4-2166C344CD14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/>
        <p:txBody>
          <a:bodyPr/>
          <a:lstStyle/>
          <a:p>
            <a:r>
              <a:rPr lang="en-US" dirty="0"/>
              <a:t>Volumes</a:t>
            </a:r>
            <a:endParaRPr lang="pl-PL" dirty="0"/>
          </a:p>
        </p:txBody>
      </p:sp>
      <p:sp>
        <p:nvSpPr>
          <p:cNvPr id="17" name="Text Placeholder 16">
            <a:extLst>
              <a:ext uri="{FF2B5EF4-FFF2-40B4-BE49-F238E27FC236}">
                <a16:creationId xmlns:a16="http://schemas.microsoft.com/office/drawing/2014/main" id="{C885ACAC-8E17-4C0E-BF33-4E9D8075ADC5}"/>
              </a:ext>
            </a:extLst>
          </p:cNvPr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r>
              <a:rPr lang="en-US" dirty="0"/>
              <a:t>Case Ageing</a:t>
            </a:r>
          </a:p>
          <a:p>
            <a:endParaRPr lang="pl-PL" dirty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4D17BB11-3E54-449B-B1CD-D61822E75CEC}"/>
              </a:ext>
            </a:extLst>
          </p:cNvPr>
          <p:cNvSpPr>
            <a:spLocks noGrp="1"/>
          </p:cNvSpPr>
          <p:nvPr>
            <p:ph type="body" sz="quarter" idx="31"/>
          </p:nvPr>
        </p:nvSpPr>
        <p:spPr/>
        <p:txBody>
          <a:bodyPr/>
          <a:lstStyle/>
          <a:p>
            <a:r>
              <a:rPr lang="en-US" dirty="0"/>
              <a:t>Achievements &amp; Challenges</a:t>
            </a:r>
          </a:p>
          <a:p>
            <a:endParaRPr lang="pl-PL" dirty="0"/>
          </a:p>
        </p:txBody>
      </p:sp>
      <p:sp>
        <p:nvSpPr>
          <p:cNvPr id="19" name="Picture Placeholder 18">
            <a:extLst>
              <a:ext uri="{FF2B5EF4-FFF2-40B4-BE49-F238E27FC236}">
                <a16:creationId xmlns:a16="http://schemas.microsoft.com/office/drawing/2014/main" id="{AFA4E6EB-B6E4-4BB8-B4F6-9CAE7598E5D1}"/>
              </a:ext>
            </a:extLst>
          </p:cNvPr>
          <p:cNvSpPr>
            <a:spLocks noGrp="1"/>
          </p:cNvSpPr>
          <p:nvPr>
            <p:ph type="pic" sz="quarter" idx="38"/>
          </p:nvPr>
        </p:nvSpPr>
        <p:spPr/>
      </p:sp>
      <p:sp>
        <p:nvSpPr>
          <p:cNvPr id="20" name="Picture Placeholder 19">
            <a:extLst>
              <a:ext uri="{FF2B5EF4-FFF2-40B4-BE49-F238E27FC236}">
                <a16:creationId xmlns:a16="http://schemas.microsoft.com/office/drawing/2014/main" id="{24384FCF-3618-422E-8C27-ED44AB32278D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/>
      </p:sp>
      <p:sp>
        <p:nvSpPr>
          <p:cNvPr id="21" name="Picture Placeholder 20">
            <a:extLst>
              <a:ext uri="{FF2B5EF4-FFF2-40B4-BE49-F238E27FC236}">
                <a16:creationId xmlns:a16="http://schemas.microsoft.com/office/drawing/2014/main" id="{9D8CE06D-34B8-4F5E-8762-4E0D7E265E4B}"/>
              </a:ext>
            </a:extLst>
          </p:cNvPr>
          <p:cNvSpPr>
            <a:spLocks noGrp="1"/>
          </p:cNvSpPr>
          <p:nvPr>
            <p:ph type="pic" sz="quarter" idx="40"/>
          </p:nvPr>
        </p:nvSpPr>
        <p:spPr/>
      </p:sp>
      <p:sp>
        <p:nvSpPr>
          <p:cNvPr id="22" name="Picture Placeholder 21">
            <a:extLst>
              <a:ext uri="{FF2B5EF4-FFF2-40B4-BE49-F238E27FC236}">
                <a16:creationId xmlns:a16="http://schemas.microsoft.com/office/drawing/2014/main" id="{6273BBC5-E34F-4502-B173-AC05F085BA0F}"/>
              </a:ext>
            </a:extLst>
          </p:cNvPr>
          <p:cNvSpPr>
            <a:spLocks noGrp="1"/>
          </p:cNvSpPr>
          <p:nvPr>
            <p:ph type="pic" sz="quarter" idx="41"/>
          </p:nvPr>
        </p:nvSpPr>
        <p:spPr/>
      </p:sp>
      <p:sp>
        <p:nvSpPr>
          <p:cNvPr id="23" name="Picture Placeholder 22">
            <a:extLst>
              <a:ext uri="{FF2B5EF4-FFF2-40B4-BE49-F238E27FC236}">
                <a16:creationId xmlns:a16="http://schemas.microsoft.com/office/drawing/2014/main" id="{F0720E70-4706-463E-8CBF-099F4EC737E2}"/>
              </a:ext>
            </a:extLst>
          </p:cNvPr>
          <p:cNvSpPr>
            <a:spLocks noGrp="1"/>
          </p:cNvSpPr>
          <p:nvPr>
            <p:ph type="pic" sz="quarter" idx="42"/>
          </p:nvPr>
        </p:nvSpPr>
        <p:spPr/>
      </p:sp>
      <p:sp>
        <p:nvSpPr>
          <p:cNvPr id="24" name="Picture Placeholder 23">
            <a:extLst>
              <a:ext uri="{FF2B5EF4-FFF2-40B4-BE49-F238E27FC236}">
                <a16:creationId xmlns:a16="http://schemas.microsoft.com/office/drawing/2014/main" id="{3768FC63-4CDC-4F79-AA7B-5DB59CEAC1CC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/>
      </p:sp>
      <p:sp>
        <p:nvSpPr>
          <p:cNvPr id="25" name="ctry_range">
            <a:extLst>
              <a:ext uri="{FF2B5EF4-FFF2-40B4-BE49-F238E27FC236}">
                <a16:creationId xmlns:a16="http://schemas.microsoft.com/office/drawing/2014/main" id="{DA59042C-3234-45D2-A269-5EED2C5BD4E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5" y="187325"/>
            <a:ext cx="8856663" cy="434975"/>
          </a:xfrm>
        </p:spPr>
        <p:txBody>
          <a:bodyPr/>
          <a:lstStyle/>
          <a:p>
            <a:r>
              <a:rPr lang="pl-PL" dirty="0"/>
              <a:t>HR Operations</a:t>
            </a:r>
            <a:r>
              <a:rPr lang="en-US" dirty="0"/>
              <a:t> </a:t>
            </a:r>
            <a:r>
              <a:rPr lang="en-US" dirty="0">
                <a:solidFill>
                  <a:srgbClr val="D90000"/>
                </a:solidFill>
              </a:rPr>
              <a:t>Hub</a:t>
            </a:r>
            <a:r>
              <a:rPr lang="en-US" dirty="0"/>
              <a:t> | Talent </a:t>
            </a:r>
            <a:r>
              <a:rPr lang="en-US" dirty="0" err="1"/>
              <a:t>Acquisitio</a:t>
            </a:r>
            <a:r>
              <a:rPr lang="pl-PL" dirty="0"/>
              <a:t>n </a:t>
            </a:r>
            <a:endParaRPr lang="en-US" dirty="0"/>
          </a:p>
        </p:txBody>
      </p:sp>
      <p:sp>
        <p:nvSpPr>
          <p:cNvPr id="29" name="CSChart_Area">
            <a:extLst>
              <a:ext uri="{FF2B5EF4-FFF2-40B4-BE49-F238E27FC236}">
                <a16:creationId xmlns:a16="http://schemas.microsoft.com/office/drawing/2014/main" id="{0C6032D3-E8A5-4602-B8FA-E6AFEF3DCB04}"/>
              </a:ext>
            </a:extLst>
          </p:cNvPr>
          <p:cNvSpPr/>
          <p:nvPr/>
        </p:nvSpPr>
        <p:spPr bwMode="gray">
          <a:xfrm>
            <a:off x="263525" y="1125539"/>
            <a:ext cx="3679224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0" name="OTDChart_Area">
            <a:extLst>
              <a:ext uri="{FF2B5EF4-FFF2-40B4-BE49-F238E27FC236}">
                <a16:creationId xmlns:a16="http://schemas.microsoft.com/office/drawing/2014/main" id="{472EBBDD-D425-4F34-8418-815A26B24F98}"/>
              </a:ext>
            </a:extLst>
          </p:cNvPr>
          <p:cNvSpPr/>
          <p:nvPr/>
        </p:nvSpPr>
        <p:spPr bwMode="gray">
          <a:xfrm>
            <a:off x="4256388" y="1119402"/>
            <a:ext cx="3679224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1" name="QCChart_Area">
            <a:extLst>
              <a:ext uri="{FF2B5EF4-FFF2-40B4-BE49-F238E27FC236}">
                <a16:creationId xmlns:a16="http://schemas.microsoft.com/office/drawing/2014/main" id="{B05360B1-7BEE-4116-9A49-593DDEFF2B93}"/>
              </a:ext>
            </a:extLst>
          </p:cNvPr>
          <p:cNvSpPr/>
          <p:nvPr/>
        </p:nvSpPr>
        <p:spPr bwMode="gray">
          <a:xfrm>
            <a:off x="8256239" y="1119401"/>
            <a:ext cx="3672235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2" name="VLChart_Area">
            <a:extLst>
              <a:ext uri="{FF2B5EF4-FFF2-40B4-BE49-F238E27FC236}">
                <a16:creationId xmlns:a16="http://schemas.microsoft.com/office/drawing/2014/main" id="{DC6C337D-E42A-4D4F-A5E2-E061F446D4A7}"/>
              </a:ext>
            </a:extLst>
          </p:cNvPr>
          <p:cNvSpPr/>
          <p:nvPr/>
        </p:nvSpPr>
        <p:spPr bwMode="gray">
          <a:xfrm>
            <a:off x="270514" y="3861048"/>
            <a:ext cx="3666399" cy="1932336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3" name="CAChart_Area">
            <a:extLst>
              <a:ext uri="{FF2B5EF4-FFF2-40B4-BE49-F238E27FC236}">
                <a16:creationId xmlns:a16="http://schemas.microsoft.com/office/drawing/2014/main" id="{0CC4251D-54BD-40D3-9577-BE46B4FA0E13}"/>
              </a:ext>
            </a:extLst>
          </p:cNvPr>
          <p:cNvSpPr/>
          <p:nvPr/>
        </p:nvSpPr>
        <p:spPr bwMode="gray">
          <a:xfrm>
            <a:off x="4256152" y="3861047"/>
            <a:ext cx="3672236" cy="1932335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4" name="achievement_HUTA">
            <a:extLst>
              <a:ext uri="{FF2B5EF4-FFF2-40B4-BE49-F238E27FC236}">
                <a16:creationId xmlns:a16="http://schemas.microsoft.com/office/drawing/2014/main" id="{0422D2CB-1B14-4BB4-BC45-7008E739BA97}"/>
              </a:ext>
            </a:extLst>
          </p:cNvPr>
          <p:cNvSpPr txBox="1"/>
          <p:nvPr/>
        </p:nvSpPr>
        <p:spPr bwMode="gray">
          <a:xfrm>
            <a:off x="8247626" y="3861047"/>
            <a:ext cx="3673859" cy="1932334"/>
          </a:xfrm>
          <a:prstGeom prst="rect">
            <a:avLst/>
          </a:prstGeom>
          <a:noFill/>
          <a:ln>
            <a:solidFill>
              <a:schemeClr val="accent3"/>
            </a:solidFill>
          </a:ln>
        </p:spPr>
        <p:txBody>
          <a:bodyPr wrap="square" lIns="72000" tIns="72000" rIns="72000" bIns="72000" rtlCol="0">
            <a:noAutofit/>
          </a:bodyPr>
          <a:lstStyle/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</p:txBody>
      </p:sp>
      <p:sp>
        <p:nvSpPr>
          <p:cNvPr id="35" name="month_range">
            <a:extLst>
              <a:ext uri="{FF2B5EF4-FFF2-40B4-BE49-F238E27FC236}">
                <a16:creationId xmlns:a16="http://schemas.microsoft.com/office/drawing/2014/main" id="{1D7D9F96-7A50-4369-A5E6-3C00251C16E2}"/>
              </a:ext>
            </a:extLst>
          </p:cNvPr>
          <p:cNvSpPr txBox="1">
            <a:spLocks/>
          </p:cNvSpPr>
          <p:nvPr/>
        </p:nvSpPr>
        <p:spPr>
          <a:xfrm>
            <a:off x="333264" y="832727"/>
            <a:ext cx="11520000" cy="368987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0975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Performance Review for </a:t>
            </a:r>
            <a:r>
              <a:rPr lang="en-US" i="1" dirty="0"/>
              <a:t>Month, Year</a:t>
            </a:r>
          </a:p>
        </p:txBody>
      </p:sp>
    </p:spTree>
    <p:extLst>
      <p:ext uri="{BB962C8B-B14F-4D97-AF65-F5344CB8AC3E}">
        <p14:creationId xmlns:p14="http://schemas.microsoft.com/office/powerpoint/2010/main" val="2407618646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91A0D51-D3F5-4DA4-ACFA-2C8345203A5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1200" cap="none" spc="0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921E8D7-96A9-4889-ACFC-7D043D6E1CC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24EC536-6FE3-4540-8D85-74C58F0BF697}" type="slidenum">
              <a:rPr kumimoji="0" lang="en-US" sz="147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7</a:t>
            </a:fld>
            <a:endParaRPr kumimoji="0" lang="en-US" sz="147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7" name="Picture Placeholder 6" hidden="1">
            <a:extLst>
              <a:ext uri="{FF2B5EF4-FFF2-40B4-BE49-F238E27FC236}">
                <a16:creationId xmlns:a16="http://schemas.microsoft.com/office/drawing/2014/main" id="{96A22372-E057-4E19-86E8-D1DB0CDAC2A1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/>
      </p:sp>
      <p:sp>
        <p:nvSpPr>
          <p:cNvPr id="8" name="Picture Placeholder 7" hidden="1">
            <a:extLst>
              <a:ext uri="{FF2B5EF4-FFF2-40B4-BE49-F238E27FC236}">
                <a16:creationId xmlns:a16="http://schemas.microsoft.com/office/drawing/2014/main" id="{78B442AE-4A1B-4E72-840A-22B6544A56F7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/>
      </p:sp>
      <p:sp>
        <p:nvSpPr>
          <p:cNvPr id="9" name="Picture Placeholder 8" hidden="1">
            <a:extLst>
              <a:ext uri="{FF2B5EF4-FFF2-40B4-BE49-F238E27FC236}">
                <a16:creationId xmlns:a16="http://schemas.microsoft.com/office/drawing/2014/main" id="{B2D6290D-AF4F-4768-A421-D15042A91FC0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/>
      </p:sp>
      <p:sp>
        <p:nvSpPr>
          <p:cNvPr id="12" name="Picture Placeholder 11" hidden="1">
            <a:extLst>
              <a:ext uri="{FF2B5EF4-FFF2-40B4-BE49-F238E27FC236}">
                <a16:creationId xmlns:a16="http://schemas.microsoft.com/office/drawing/2014/main" id="{CECF1EBD-6759-488B-A7AA-B7C27785483B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/>
      </p:sp>
      <p:sp>
        <p:nvSpPr>
          <p:cNvPr id="13" name="Picture Placeholder 12" hidden="1">
            <a:extLst>
              <a:ext uri="{FF2B5EF4-FFF2-40B4-BE49-F238E27FC236}">
                <a16:creationId xmlns:a16="http://schemas.microsoft.com/office/drawing/2014/main" id="{1F9AF83E-7460-4626-9E10-A48E28CF1F3B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/>
      </p:sp>
      <p:sp>
        <p:nvSpPr>
          <p:cNvPr id="14" name="Picture Placeholder 13" hidden="1">
            <a:extLst>
              <a:ext uri="{FF2B5EF4-FFF2-40B4-BE49-F238E27FC236}">
                <a16:creationId xmlns:a16="http://schemas.microsoft.com/office/drawing/2014/main" id="{58E0EFF1-DB23-4FEF-8513-C43A8DECA295}"/>
              </a:ext>
            </a:extLst>
          </p:cNvPr>
          <p:cNvSpPr>
            <a:spLocks noGrp="1"/>
          </p:cNvSpPr>
          <p:nvPr>
            <p:ph type="pic" sz="quarter" idx="27"/>
          </p:nvPr>
        </p:nvSpPr>
        <p:spPr/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9AE62A70-EBCB-4815-B243-1209A0FAA1B4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/>
        <p:txBody>
          <a:bodyPr/>
          <a:lstStyle/>
          <a:p>
            <a:r>
              <a:rPr lang="en-US" dirty="0"/>
              <a:t>Customer Satisfaction</a:t>
            </a:r>
          </a:p>
          <a:p>
            <a:endParaRPr lang="pl-PL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EE672478-51E3-4496-BEF6-BBE5DBB94C29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/>
        <p:txBody>
          <a:bodyPr/>
          <a:lstStyle/>
          <a:p>
            <a:r>
              <a:rPr lang="en-US" dirty="0"/>
              <a:t>On Time Delivery</a:t>
            </a:r>
          </a:p>
          <a:p>
            <a:endParaRPr lang="pl-PL" dirty="0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5CA6D249-0C1B-4BE4-B33E-CB456DC7ECB1}"/>
              </a:ext>
            </a:extLst>
          </p:cNvPr>
          <p:cNvSpPr>
            <a:spLocks noGrp="1"/>
          </p:cNvSpPr>
          <p:nvPr>
            <p:ph type="body" sz="quarter" idx="28"/>
          </p:nvPr>
        </p:nvSpPr>
        <p:spPr/>
        <p:txBody>
          <a:bodyPr/>
          <a:lstStyle/>
          <a:p>
            <a:r>
              <a:rPr lang="en-US" dirty="0"/>
              <a:t>Quality</a:t>
            </a:r>
            <a:endParaRPr lang="pl-PL" dirty="0"/>
          </a:p>
        </p:txBody>
      </p:sp>
      <p:sp>
        <p:nvSpPr>
          <p:cNvPr id="16" name="Text Placeholder 15">
            <a:extLst>
              <a:ext uri="{FF2B5EF4-FFF2-40B4-BE49-F238E27FC236}">
                <a16:creationId xmlns:a16="http://schemas.microsoft.com/office/drawing/2014/main" id="{0AA66022-926A-43CA-B5C4-2166C344CD14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/>
        <p:txBody>
          <a:bodyPr/>
          <a:lstStyle/>
          <a:p>
            <a:r>
              <a:rPr lang="en-US" dirty="0"/>
              <a:t>Volumes</a:t>
            </a:r>
            <a:endParaRPr lang="pl-PL" dirty="0"/>
          </a:p>
        </p:txBody>
      </p:sp>
      <p:sp>
        <p:nvSpPr>
          <p:cNvPr id="17" name="Text Placeholder 16">
            <a:extLst>
              <a:ext uri="{FF2B5EF4-FFF2-40B4-BE49-F238E27FC236}">
                <a16:creationId xmlns:a16="http://schemas.microsoft.com/office/drawing/2014/main" id="{C885ACAC-8E17-4C0E-BF33-4E9D8075ADC5}"/>
              </a:ext>
            </a:extLst>
          </p:cNvPr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r>
              <a:rPr lang="en-US" dirty="0"/>
              <a:t>Case Ageing</a:t>
            </a:r>
          </a:p>
          <a:p>
            <a:endParaRPr lang="pl-PL" dirty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4D17BB11-3E54-449B-B1CD-D61822E75CEC}"/>
              </a:ext>
            </a:extLst>
          </p:cNvPr>
          <p:cNvSpPr>
            <a:spLocks noGrp="1"/>
          </p:cNvSpPr>
          <p:nvPr>
            <p:ph type="body" sz="quarter" idx="31"/>
          </p:nvPr>
        </p:nvSpPr>
        <p:spPr/>
        <p:txBody>
          <a:bodyPr/>
          <a:lstStyle/>
          <a:p>
            <a:r>
              <a:rPr lang="en-US" dirty="0"/>
              <a:t>Achievements &amp; Challenges</a:t>
            </a:r>
          </a:p>
          <a:p>
            <a:endParaRPr lang="pl-PL" dirty="0"/>
          </a:p>
        </p:txBody>
      </p:sp>
      <p:sp>
        <p:nvSpPr>
          <p:cNvPr id="19" name="Picture Placeholder 18">
            <a:extLst>
              <a:ext uri="{FF2B5EF4-FFF2-40B4-BE49-F238E27FC236}">
                <a16:creationId xmlns:a16="http://schemas.microsoft.com/office/drawing/2014/main" id="{AFA4E6EB-B6E4-4BB8-B4F6-9CAE7598E5D1}"/>
              </a:ext>
            </a:extLst>
          </p:cNvPr>
          <p:cNvSpPr>
            <a:spLocks noGrp="1"/>
          </p:cNvSpPr>
          <p:nvPr>
            <p:ph type="pic" sz="quarter" idx="38"/>
          </p:nvPr>
        </p:nvSpPr>
        <p:spPr/>
      </p:sp>
      <p:sp>
        <p:nvSpPr>
          <p:cNvPr id="20" name="Picture Placeholder 19">
            <a:extLst>
              <a:ext uri="{FF2B5EF4-FFF2-40B4-BE49-F238E27FC236}">
                <a16:creationId xmlns:a16="http://schemas.microsoft.com/office/drawing/2014/main" id="{24384FCF-3618-422E-8C27-ED44AB32278D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/>
      </p:sp>
      <p:sp>
        <p:nvSpPr>
          <p:cNvPr id="21" name="Picture Placeholder 20">
            <a:extLst>
              <a:ext uri="{FF2B5EF4-FFF2-40B4-BE49-F238E27FC236}">
                <a16:creationId xmlns:a16="http://schemas.microsoft.com/office/drawing/2014/main" id="{9D8CE06D-34B8-4F5E-8762-4E0D7E265E4B}"/>
              </a:ext>
            </a:extLst>
          </p:cNvPr>
          <p:cNvSpPr>
            <a:spLocks noGrp="1"/>
          </p:cNvSpPr>
          <p:nvPr>
            <p:ph type="pic" sz="quarter" idx="40"/>
          </p:nvPr>
        </p:nvSpPr>
        <p:spPr/>
      </p:sp>
      <p:sp>
        <p:nvSpPr>
          <p:cNvPr id="22" name="Picture Placeholder 21">
            <a:extLst>
              <a:ext uri="{FF2B5EF4-FFF2-40B4-BE49-F238E27FC236}">
                <a16:creationId xmlns:a16="http://schemas.microsoft.com/office/drawing/2014/main" id="{6273BBC5-E34F-4502-B173-AC05F085BA0F}"/>
              </a:ext>
            </a:extLst>
          </p:cNvPr>
          <p:cNvSpPr>
            <a:spLocks noGrp="1"/>
          </p:cNvSpPr>
          <p:nvPr>
            <p:ph type="pic" sz="quarter" idx="41"/>
          </p:nvPr>
        </p:nvSpPr>
        <p:spPr/>
      </p:sp>
      <p:sp>
        <p:nvSpPr>
          <p:cNvPr id="23" name="Picture Placeholder 22">
            <a:extLst>
              <a:ext uri="{FF2B5EF4-FFF2-40B4-BE49-F238E27FC236}">
                <a16:creationId xmlns:a16="http://schemas.microsoft.com/office/drawing/2014/main" id="{F0720E70-4706-463E-8CBF-099F4EC737E2}"/>
              </a:ext>
            </a:extLst>
          </p:cNvPr>
          <p:cNvSpPr>
            <a:spLocks noGrp="1"/>
          </p:cNvSpPr>
          <p:nvPr>
            <p:ph type="pic" sz="quarter" idx="42"/>
          </p:nvPr>
        </p:nvSpPr>
        <p:spPr/>
      </p:sp>
      <p:sp>
        <p:nvSpPr>
          <p:cNvPr id="24" name="Picture Placeholder 23">
            <a:extLst>
              <a:ext uri="{FF2B5EF4-FFF2-40B4-BE49-F238E27FC236}">
                <a16:creationId xmlns:a16="http://schemas.microsoft.com/office/drawing/2014/main" id="{3768FC63-4CDC-4F79-AA7B-5DB59CEAC1CC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/>
      </p:sp>
      <p:sp>
        <p:nvSpPr>
          <p:cNvPr id="25" name="ctry_range">
            <a:extLst>
              <a:ext uri="{FF2B5EF4-FFF2-40B4-BE49-F238E27FC236}">
                <a16:creationId xmlns:a16="http://schemas.microsoft.com/office/drawing/2014/main" id="{DA59042C-3234-45D2-A269-5EED2C5BD4E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5" y="187325"/>
            <a:ext cx="8856663" cy="434975"/>
          </a:xfrm>
        </p:spPr>
        <p:txBody>
          <a:bodyPr/>
          <a:lstStyle/>
          <a:p>
            <a:r>
              <a:rPr lang="pl-PL" dirty="0"/>
              <a:t>HR Operations</a:t>
            </a:r>
            <a:r>
              <a:rPr lang="en-US" dirty="0"/>
              <a:t> </a:t>
            </a:r>
            <a:r>
              <a:rPr lang="en-US" dirty="0">
                <a:solidFill>
                  <a:srgbClr val="D90000"/>
                </a:solidFill>
              </a:rPr>
              <a:t>Hub</a:t>
            </a:r>
            <a:r>
              <a:rPr lang="en-US" dirty="0"/>
              <a:t> | Talent </a:t>
            </a:r>
            <a:r>
              <a:rPr lang="en-US" dirty="0" err="1"/>
              <a:t>Acquisitio</a:t>
            </a:r>
            <a:r>
              <a:rPr lang="pl-PL" dirty="0"/>
              <a:t>n </a:t>
            </a:r>
            <a:endParaRPr lang="en-US" dirty="0"/>
          </a:p>
        </p:txBody>
      </p:sp>
      <p:sp>
        <p:nvSpPr>
          <p:cNvPr id="29" name="CSChart_Area">
            <a:extLst>
              <a:ext uri="{FF2B5EF4-FFF2-40B4-BE49-F238E27FC236}">
                <a16:creationId xmlns:a16="http://schemas.microsoft.com/office/drawing/2014/main" id="{0C6032D3-E8A5-4602-B8FA-E6AFEF3DCB04}"/>
              </a:ext>
            </a:extLst>
          </p:cNvPr>
          <p:cNvSpPr/>
          <p:nvPr/>
        </p:nvSpPr>
        <p:spPr bwMode="gray">
          <a:xfrm>
            <a:off x="263525" y="1125539"/>
            <a:ext cx="3679224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0" name="OTDChart_Area">
            <a:extLst>
              <a:ext uri="{FF2B5EF4-FFF2-40B4-BE49-F238E27FC236}">
                <a16:creationId xmlns:a16="http://schemas.microsoft.com/office/drawing/2014/main" id="{472EBBDD-D425-4F34-8418-815A26B24F98}"/>
              </a:ext>
            </a:extLst>
          </p:cNvPr>
          <p:cNvSpPr/>
          <p:nvPr/>
        </p:nvSpPr>
        <p:spPr bwMode="gray">
          <a:xfrm>
            <a:off x="4256388" y="1119402"/>
            <a:ext cx="3679224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1" name="QCChart_Area">
            <a:extLst>
              <a:ext uri="{FF2B5EF4-FFF2-40B4-BE49-F238E27FC236}">
                <a16:creationId xmlns:a16="http://schemas.microsoft.com/office/drawing/2014/main" id="{B05360B1-7BEE-4116-9A49-593DDEFF2B93}"/>
              </a:ext>
            </a:extLst>
          </p:cNvPr>
          <p:cNvSpPr/>
          <p:nvPr/>
        </p:nvSpPr>
        <p:spPr bwMode="gray">
          <a:xfrm>
            <a:off x="8256239" y="1119401"/>
            <a:ext cx="3672235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2" name="VLChart_Area">
            <a:extLst>
              <a:ext uri="{FF2B5EF4-FFF2-40B4-BE49-F238E27FC236}">
                <a16:creationId xmlns:a16="http://schemas.microsoft.com/office/drawing/2014/main" id="{DC6C337D-E42A-4D4F-A5E2-E061F446D4A7}"/>
              </a:ext>
            </a:extLst>
          </p:cNvPr>
          <p:cNvSpPr/>
          <p:nvPr/>
        </p:nvSpPr>
        <p:spPr bwMode="gray">
          <a:xfrm>
            <a:off x="270514" y="3861048"/>
            <a:ext cx="3666399" cy="1932336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3" name="CAChart_Area">
            <a:extLst>
              <a:ext uri="{FF2B5EF4-FFF2-40B4-BE49-F238E27FC236}">
                <a16:creationId xmlns:a16="http://schemas.microsoft.com/office/drawing/2014/main" id="{0CC4251D-54BD-40D3-9577-BE46B4FA0E13}"/>
              </a:ext>
            </a:extLst>
          </p:cNvPr>
          <p:cNvSpPr/>
          <p:nvPr/>
        </p:nvSpPr>
        <p:spPr bwMode="gray">
          <a:xfrm>
            <a:off x="4256152" y="3861047"/>
            <a:ext cx="3672236" cy="1932335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4" name="achievement_HUTA">
            <a:extLst>
              <a:ext uri="{FF2B5EF4-FFF2-40B4-BE49-F238E27FC236}">
                <a16:creationId xmlns:a16="http://schemas.microsoft.com/office/drawing/2014/main" id="{0422D2CB-1B14-4BB4-BC45-7008E739BA97}"/>
              </a:ext>
            </a:extLst>
          </p:cNvPr>
          <p:cNvSpPr txBox="1"/>
          <p:nvPr/>
        </p:nvSpPr>
        <p:spPr bwMode="gray">
          <a:xfrm>
            <a:off x="8247626" y="3861047"/>
            <a:ext cx="3673859" cy="1932334"/>
          </a:xfrm>
          <a:prstGeom prst="rect">
            <a:avLst/>
          </a:prstGeom>
          <a:noFill/>
          <a:ln>
            <a:solidFill>
              <a:schemeClr val="accent3"/>
            </a:solidFill>
          </a:ln>
        </p:spPr>
        <p:txBody>
          <a:bodyPr wrap="square" lIns="72000" tIns="72000" rIns="72000" bIns="72000" rtlCol="0">
            <a:noAutofit/>
          </a:bodyPr>
          <a:lstStyle/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</p:txBody>
      </p:sp>
      <p:sp>
        <p:nvSpPr>
          <p:cNvPr id="35" name="month_range">
            <a:extLst>
              <a:ext uri="{FF2B5EF4-FFF2-40B4-BE49-F238E27FC236}">
                <a16:creationId xmlns:a16="http://schemas.microsoft.com/office/drawing/2014/main" id="{1D7D9F96-7A50-4369-A5E6-3C00251C16E2}"/>
              </a:ext>
            </a:extLst>
          </p:cNvPr>
          <p:cNvSpPr txBox="1">
            <a:spLocks/>
          </p:cNvSpPr>
          <p:nvPr/>
        </p:nvSpPr>
        <p:spPr>
          <a:xfrm>
            <a:off x="333264" y="832727"/>
            <a:ext cx="11520000" cy="368987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0975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Performance Review for </a:t>
            </a:r>
            <a:r>
              <a:rPr lang="en-US" i="1" dirty="0"/>
              <a:t>Month, Year</a:t>
            </a:r>
          </a:p>
        </p:txBody>
      </p:sp>
    </p:spTree>
    <p:extLst>
      <p:ext uri="{BB962C8B-B14F-4D97-AF65-F5344CB8AC3E}">
        <p14:creationId xmlns:p14="http://schemas.microsoft.com/office/powerpoint/2010/main" val="207911891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91A0D51-D3F5-4DA4-ACFA-2C8345203A5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1200" cap="none" spc="0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921E8D7-96A9-4889-ACFC-7D043D6E1CC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24EC536-6FE3-4540-8D85-74C58F0BF697}" type="slidenum">
              <a:rPr kumimoji="0" lang="en-US" sz="147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8</a:t>
            </a:fld>
            <a:endParaRPr kumimoji="0" lang="en-US" sz="147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7" name="Picture Placeholder 6" hidden="1">
            <a:extLst>
              <a:ext uri="{FF2B5EF4-FFF2-40B4-BE49-F238E27FC236}">
                <a16:creationId xmlns:a16="http://schemas.microsoft.com/office/drawing/2014/main" id="{96A22372-E057-4E19-86E8-D1DB0CDAC2A1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/>
      </p:sp>
      <p:sp>
        <p:nvSpPr>
          <p:cNvPr id="8" name="Picture Placeholder 7" hidden="1">
            <a:extLst>
              <a:ext uri="{FF2B5EF4-FFF2-40B4-BE49-F238E27FC236}">
                <a16:creationId xmlns:a16="http://schemas.microsoft.com/office/drawing/2014/main" id="{78B442AE-4A1B-4E72-840A-22B6544A56F7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/>
      </p:sp>
      <p:sp>
        <p:nvSpPr>
          <p:cNvPr id="9" name="Picture Placeholder 8" hidden="1">
            <a:extLst>
              <a:ext uri="{FF2B5EF4-FFF2-40B4-BE49-F238E27FC236}">
                <a16:creationId xmlns:a16="http://schemas.microsoft.com/office/drawing/2014/main" id="{B2D6290D-AF4F-4768-A421-D15042A91FC0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/>
      </p:sp>
      <p:sp>
        <p:nvSpPr>
          <p:cNvPr id="12" name="Picture Placeholder 11" hidden="1">
            <a:extLst>
              <a:ext uri="{FF2B5EF4-FFF2-40B4-BE49-F238E27FC236}">
                <a16:creationId xmlns:a16="http://schemas.microsoft.com/office/drawing/2014/main" id="{CECF1EBD-6759-488B-A7AA-B7C27785483B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/>
      </p:sp>
      <p:sp>
        <p:nvSpPr>
          <p:cNvPr id="13" name="Picture Placeholder 12" hidden="1">
            <a:extLst>
              <a:ext uri="{FF2B5EF4-FFF2-40B4-BE49-F238E27FC236}">
                <a16:creationId xmlns:a16="http://schemas.microsoft.com/office/drawing/2014/main" id="{1F9AF83E-7460-4626-9E10-A48E28CF1F3B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/>
      </p:sp>
      <p:sp>
        <p:nvSpPr>
          <p:cNvPr id="14" name="Picture Placeholder 13" hidden="1">
            <a:extLst>
              <a:ext uri="{FF2B5EF4-FFF2-40B4-BE49-F238E27FC236}">
                <a16:creationId xmlns:a16="http://schemas.microsoft.com/office/drawing/2014/main" id="{58E0EFF1-DB23-4FEF-8513-C43A8DECA295}"/>
              </a:ext>
            </a:extLst>
          </p:cNvPr>
          <p:cNvSpPr>
            <a:spLocks noGrp="1"/>
          </p:cNvSpPr>
          <p:nvPr>
            <p:ph type="pic" sz="quarter" idx="27"/>
          </p:nvPr>
        </p:nvSpPr>
        <p:spPr/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9AE62A70-EBCB-4815-B243-1209A0FAA1B4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/>
        <p:txBody>
          <a:bodyPr/>
          <a:lstStyle/>
          <a:p>
            <a:r>
              <a:rPr lang="en-US" dirty="0"/>
              <a:t>Customer Satisfaction</a:t>
            </a:r>
          </a:p>
          <a:p>
            <a:endParaRPr lang="pl-PL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EE672478-51E3-4496-BEF6-BBE5DBB94C29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/>
        <p:txBody>
          <a:bodyPr/>
          <a:lstStyle/>
          <a:p>
            <a:r>
              <a:rPr lang="en-US" dirty="0"/>
              <a:t>On Time Delivery</a:t>
            </a:r>
          </a:p>
          <a:p>
            <a:endParaRPr lang="pl-PL" dirty="0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5CA6D249-0C1B-4BE4-B33E-CB456DC7ECB1}"/>
              </a:ext>
            </a:extLst>
          </p:cNvPr>
          <p:cNvSpPr>
            <a:spLocks noGrp="1"/>
          </p:cNvSpPr>
          <p:nvPr>
            <p:ph type="body" sz="quarter" idx="28"/>
          </p:nvPr>
        </p:nvSpPr>
        <p:spPr/>
        <p:txBody>
          <a:bodyPr/>
          <a:lstStyle/>
          <a:p>
            <a:r>
              <a:rPr lang="en-US" dirty="0"/>
              <a:t>Quality</a:t>
            </a:r>
            <a:endParaRPr lang="pl-PL" dirty="0"/>
          </a:p>
        </p:txBody>
      </p:sp>
      <p:sp>
        <p:nvSpPr>
          <p:cNvPr id="16" name="Text Placeholder 15">
            <a:extLst>
              <a:ext uri="{FF2B5EF4-FFF2-40B4-BE49-F238E27FC236}">
                <a16:creationId xmlns:a16="http://schemas.microsoft.com/office/drawing/2014/main" id="{0AA66022-926A-43CA-B5C4-2166C344CD14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/>
        <p:txBody>
          <a:bodyPr/>
          <a:lstStyle/>
          <a:p>
            <a:r>
              <a:rPr lang="en-US" dirty="0"/>
              <a:t>Volumes</a:t>
            </a:r>
            <a:endParaRPr lang="pl-PL" dirty="0"/>
          </a:p>
        </p:txBody>
      </p:sp>
      <p:sp>
        <p:nvSpPr>
          <p:cNvPr id="17" name="Text Placeholder 16">
            <a:extLst>
              <a:ext uri="{FF2B5EF4-FFF2-40B4-BE49-F238E27FC236}">
                <a16:creationId xmlns:a16="http://schemas.microsoft.com/office/drawing/2014/main" id="{C885ACAC-8E17-4C0E-BF33-4E9D8075ADC5}"/>
              </a:ext>
            </a:extLst>
          </p:cNvPr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r>
              <a:rPr lang="en-US" dirty="0"/>
              <a:t>Case Ageing</a:t>
            </a:r>
          </a:p>
          <a:p>
            <a:endParaRPr lang="pl-PL" dirty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4D17BB11-3E54-449B-B1CD-D61822E75CEC}"/>
              </a:ext>
            </a:extLst>
          </p:cNvPr>
          <p:cNvSpPr>
            <a:spLocks noGrp="1"/>
          </p:cNvSpPr>
          <p:nvPr>
            <p:ph type="body" sz="quarter" idx="31"/>
          </p:nvPr>
        </p:nvSpPr>
        <p:spPr/>
        <p:txBody>
          <a:bodyPr/>
          <a:lstStyle/>
          <a:p>
            <a:r>
              <a:rPr lang="en-US" dirty="0"/>
              <a:t>Achievements &amp; Challenges</a:t>
            </a:r>
          </a:p>
          <a:p>
            <a:endParaRPr lang="pl-PL" dirty="0"/>
          </a:p>
        </p:txBody>
      </p:sp>
      <p:sp>
        <p:nvSpPr>
          <p:cNvPr id="19" name="Picture Placeholder 18">
            <a:extLst>
              <a:ext uri="{FF2B5EF4-FFF2-40B4-BE49-F238E27FC236}">
                <a16:creationId xmlns:a16="http://schemas.microsoft.com/office/drawing/2014/main" id="{AFA4E6EB-B6E4-4BB8-B4F6-9CAE7598E5D1}"/>
              </a:ext>
            </a:extLst>
          </p:cNvPr>
          <p:cNvSpPr>
            <a:spLocks noGrp="1"/>
          </p:cNvSpPr>
          <p:nvPr>
            <p:ph type="pic" sz="quarter" idx="38"/>
          </p:nvPr>
        </p:nvSpPr>
        <p:spPr/>
      </p:sp>
      <p:sp>
        <p:nvSpPr>
          <p:cNvPr id="20" name="Picture Placeholder 19">
            <a:extLst>
              <a:ext uri="{FF2B5EF4-FFF2-40B4-BE49-F238E27FC236}">
                <a16:creationId xmlns:a16="http://schemas.microsoft.com/office/drawing/2014/main" id="{24384FCF-3618-422E-8C27-ED44AB32278D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/>
      </p:sp>
      <p:sp>
        <p:nvSpPr>
          <p:cNvPr id="21" name="Picture Placeholder 20">
            <a:extLst>
              <a:ext uri="{FF2B5EF4-FFF2-40B4-BE49-F238E27FC236}">
                <a16:creationId xmlns:a16="http://schemas.microsoft.com/office/drawing/2014/main" id="{9D8CE06D-34B8-4F5E-8762-4E0D7E265E4B}"/>
              </a:ext>
            </a:extLst>
          </p:cNvPr>
          <p:cNvSpPr>
            <a:spLocks noGrp="1"/>
          </p:cNvSpPr>
          <p:nvPr>
            <p:ph type="pic" sz="quarter" idx="40"/>
          </p:nvPr>
        </p:nvSpPr>
        <p:spPr/>
      </p:sp>
      <p:sp>
        <p:nvSpPr>
          <p:cNvPr id="22" name="Picture Placeholder 21">
            <a:extLst>
              <a:ext uri="{FF2B5EF4-FFF2-40B4-BE49-F238E27FC236}">
                <a16:creationId xmlns:a16="http://schemas.microsoft.com/office/drawing/2014/main" id="{6273BBC5-E34F-4502-B173-AC05F085BA0F}"/>
              </a:ext>
            </a:extLst>
          </p:cNvPr>
          <p:cNvSpPr>
            <a:spLocks noGrp="1"/>
          </p:cNvSpPr>
          <p:nvPr>
            <p:ph type="pic" sz="quarter" idx="41"/>
          </p:nvPr>
        </p:nvSpPr>
        <p:spPr/>
      </p:sp>
      <p:sp>
        <p:nvSpPr>
          <p:cNvPr id="23" name="Picture Placeholder 22">
            <a:extLst>
              <a:ext uri="{FF2B5EF4-FFF2-40B4-BE49-F238E27FC236}">
                <a16:creationId xmlns:a16="http://schemas.microsoft.com/office/drawing/2014/main" id="{F0720E70-4706-463E-8CBF-099F4EC737E2}"/>
              </a:ext>
            </a:extLst>
          </p:cNvPr>
          <p:cNvSpPr>
            <a:spLocks noGrp="1"/>
          </p:cNvSpPr>
          <p:nvPr>
            <p:ph type="pic" sz="quarter" idx="42"/>
          </p:nvPr>
        </p:nvSpPr>
        <p:spPr/>
      </p:sp>
      <p:sp>
        <p:nvSpPr>
          <p:cNvPr id="24" name="Picture Placeholder 23">
            <a:extLst>
              <a:ext uri="{FF2B5EF4-FFF2-40B4-BE49-F238E27FC236}">
                <a16:creationId xmlns:a16="http://schemas.microsoft.com/office/drawing/2014/main" id="{3768FC63-4CDC-4F79-AA7B-5DB59CEAC1CC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/>
      </p:sp>
      <p:sp>
        <p:nvSpPr>
          <p:cNvPr id="25" name="ctry_range">
            <a:extLst>
              <a:ext uri="{FF2B5EF4-FFF2-40B4-BE49-F238E27FC236}">
                <a16:creationId xmlns:a16="http://schemas.microsoft.com/office/drawing/2014/main" id="{DA59042C-3234-45D2-A269-5EED2C5BD4E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5" y="187325"/>
            <a:ext cx="8856663" cy="434975"/>
          </a:xfrm>
        </p:spPr>
        <p:txBody>
          <a:bodyPr/>
          <a:lstStyle/>
          <a:p>
            <a:r>
              <a:rPr lang="pl-PL" dirty="0"/>
              <a:t>HR Operations</a:t>
            </a:r>
            <a:r>
              <a:rPr lang="en-US" dirty="0"/>
              <a:t> </a:t>
            </a:r>
            <a:r>
              <a:rPr lang="en-US" dirty="0">
                <a:solidFill>
                  <a:srgbClr val="D90000"/>
                </a:solidFill>
              </a:rPr>
              <a:t>Hub</a:t>
            </a:r>
            <a:r>
              <a:rPr lang="en-US" dirty="0"/>
              <a:t> | Talent </a:t>
            </a:r>
            <a:r>
              <a:rPr lang="en-US" dirty="0" err="1"/>
              <a:t>Acquisitio</a:t>
            </a:r>
            <a:r>
              <a:rPr lang="pl-PL" dirty="0"/>
              <a:t>n </a:t>
            </a:r>
            <a:endParaRPr lang="en-US" dirty="0"/>
          </a:p>
        </p:txBody>
      </p:sp>
      <p:sp>
        <p:nvSpPr>
          <p:cNvPr id="29" name="CSChart_Area">
            <a:extLst>
              <a:ext uri="{FF2B5EF4-FFF2-40B4-BE49-F238E27FC236}">
                <a16:creationId xmlns:a16="http://schemas.microsoft.com/office/drawing/2014/main" id="{0C6032D3-E8A5-4602-B8FA-E6AFEF3DCB04}"/>
              </a:ext>
            </a:extLst>
          </p:cNvPr>
          <p:cNvSpPr/>
          <p:nvPr/>
        </p:nvSpPr>
        <p:spPr bwMode="gray">
          <a:xfrm>
            <a:off x="263525" y="1125539"/>
            <a:ext cx="3679224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0" name="OTDChart_Area">
            <a:extLst>
              <a:ext uri="{FF2B5EF4-FFF2-40B4-BE49-F238E27FC236}">
                <a16:creationId xmlns:a16="http://schemas.microsoft.com/office/drawing/2014/main" id="{472EBBDD-D425-4F34-8418-815A26B24F98}"/>
              </a:ext>
            </a:extLst>
          </p:cNvPr>
          <p:cNvSpPr/>
          <p:nvPr/>
        </p:nvSpPr>
        <p:spPr bwMode="gray">
          <a:xfrm>
            <a:off x="4256388" y="1119402"/>
            <a:ext cx="3679224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1" name="QCChart_Area">
            <a:extLst>
              <a:ext uri="{FF2B5EF4-FFF2-40B4-BE49-F238E27FC236}">
                <a16:creationId xmlns:a16="http://schemas.microsoft.com/office/drawing/2014/main" id="{B05360B1-7BEE-4116-9A49-593DDEFF2B93}"/>
              </a:ext>
            </a:extLst>
          </p:cNvPr>
          <p:cNvSpPr/>
          <p:nvPr/>
        </p:nvSpPr>
        <p:spPr bwMode="gray">
          <a:xfrm>
            <a:off x="8256239" y="1119401"/>
            <a:ext cx="3672235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2" name="VLChart_Area">
            <a:extLst>
              <a:ext uri="{FF2B5EF4-FFF2-40B4-BE49-F238E27FC236}">
                <a16:creationId xmlns:a16="http://schemas.microsoft.com/office/drawing/2014/main" id="{DC6C337D-E42A-4D4F-A5E2-E061F446D4A7}"/>
              </a:ext>
            </a:extLst>
          </p:cNvPr>
          <p:cNvSpPr/>
          <p:nvPr/>
        </p:nvSpPr>
        <p:spPr bwMode="gray">
          <a:xfrm>
            <a:off x="270514" y="3861048"/>
            <a:ext cx="3666399" cy="1932336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3" name="CAChart_Area">
            <a:extLst>
              <a:ext uri="{FF2B5EF4-FFF2-40B4-BE49-F238E27FC236}">
                <a16:creationId xmlns:a16="http://schemas.microsoft.com/office/drawing/2014/main" id="{0CC4251D-54BD-40D3-9577-BE46B4FA0E13}"/>
              </a:ext>
            </a:extLst>
          </p:cNvPr>
          <p:cNvSpPr/>
          <p:nvPr/>
        </p:nvSpPr>
        <p:spPr bwMode="gray">
          <a:xfrm>
            <a:off x="4256152" y="3861047"/>
            <a:ext cx="3672236" cy="1932335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4" name="achievement_HUTA">
            <a:extLst>
              <a:ext uri="{FF2B5EF4-FFF2-40B4-BE49-F238E27FC236}">
                <a16:creationId xmlns:a16="http://schemas.microsoft.com/office/drawing/2014/main" id="{0422D2CB-1B14-4BB4-BC45-7008E739BA97}"/>
              </a:ext>
            </a:extLst>
          </p:cNvPr>
          <p:cNvSpPr txBox="1"/>
          <p:nvPr/>
        </p:nvSpPr>
        <p:spPr bwMode="gray">
          <a:xfrm>
            <a:off x="8247626" y="3861047"/>
            <a:ext cx="3673859" cy="1932334"/>
          </a:xfrm>
          <a:prstGeom prst="rect">
            <a:avLst/>
          </a:prstGeom>
          <a:noFill/>
          <a:ln>
            <a:solidFill>
              <a:schemeClr val="accent3"/>
            </a:solidFill>
          </a:ln>
        </p:spPr>
        <p:txBody>
          <a:bodyPr wrap="square" lIns="72000" tIns="72000" rIns="72000" bIns="72000" rtlCol="0">
            <a:noAutofit/>
          </a:bodyPr>
          <a:lstStyle/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</p:txBody>
      </p:sp>
      <p:sp>
        <p:nvSpPr>
          <p:cNvPr id="35" name="month_range">
            <a:extLst>
              <a:ext uri="{FF2B5EF4-FFF2-40B4-BE49-F238E27FC236}">
                <a16:creationId xmlns:a16="http://schemas.microsoft.com/office/drawing/2014/main" id="{1D7D9F96-7A50-4369-A5E6-3C00251C16E2}"/>
              </a:ext>
            </a:extLst>
          </p:cNvPr>
          <p:cNvSpPr txBox="1">
            <a:spLocks/>
          </p:cNvSpPr>
          <p:nvPr/>
        </p:nvSpPr>
        <p:spPr>
          <a:xfrm>
            <a:off x="333264" y="832727"/>
            <a:ext cx="11520000" cy="368987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0975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Performance Review for </a:t>
            </a:r>
            <a:r>
              <a:rPr lang="en-US" i="1" dirty="0"/>
              <a:t>Month, Year</a:t>
            </a:r>
          </a:p>
        </p:txBody>
      </p:sp>
    </p:spTree>
    <p:extLst>
      <p:ext uri="{BB962C8B-B14F-4D97-AF65-F5344CB8AC3E}">
        <p14:creationId xmlns:p14="http://schemas.microsoft.com/office/powerpoint/2010/main" val="964613785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91A0D51-D3F5-4DA4-ACFA-2C8345203A5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1200" cap="none" spc="0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921E8D7-96A9-4889-ACFC-7D043D6E1CC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24EC536-6FE3-4540-8D85-74C58F0BF697}" type="slidenum">
              <a:rPr kumimoji="0" lang="en-US" sz="147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9</a:t>
            </a:fld>
            <a:endParaRPr kumimoji="0" lang="en-US" sz="147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7" name="Picture Placeholder 6" hidden="1">
            <a:extLst>
              <a:ext uri="{FF2B5EF4-FFF2-40B4-BE49-F238E27FC236}">
                <a16:creationId xmlns:a16="http://schemas.microsoft.com/office/drawing/2014/main" id="{96A22372-E057-4E19-86E8-D1DB0CDAC2A1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/>
      </p:sp>
      <p:sp>
        <p:nvSpPr>
          <p:cNvPr id="8" name="Picture Placeholder 7" hidden="1">
            <a:extLst>
              <a:ext uri="{FF2B5EF4-FFF2-40B4-BE49-F238E27FC236}">
                <a16:creationId xmlns:a16="http://schemas.microsoft.com/office/drawing/2014/main" id="{78B442AE-4A1B-4E72-840A-22B6544A56F7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/>
      </p:sp>
      <p:sp>
        <p:nvSpPr>
          <p:cNvPr id="9" name="Picture Placeholder 8" hidden="1">
            <a:extLst>
              <a:ext uri="{FF2B5EF4-FFF2-40B4-BE49-F238E27FC236}">
                <a16:creationId xmlns:a16="http://schemas.microsoft.com/office/drawing/2014/main" id="{B2D6290D-AF4F-4768-A421-D15042A91FC0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/>
      </p:sp>
      <p:sp>
        <p:nvSpPr>
          <p:cNvPr id="12" name="Picture Placeholder 11" hidden="1">
            <a:extLst>
              <a:ext uri="{FF2B5EF4-FFF2-40B4-BE49-F238E27FC236}">
                <a16:creationId xmlns:a16="http://schemas.microsoft.com/office/drawing/2014/main" id="{CECF1EBD-6759-488B-A7AA-B7C27785483B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/>
      </p:sp>
      <p:sp>
        <p:nvSpPr>
          <p:cNvPr id="13" name="Picture Placeholder 12" hidden="1">
            <a:extLst>
              <a:ext uri="{FF2B5EF4-FFF2-40B4-BE49-F238E27FC236}">
                <a16:creationId xmlns:a16="http://schemas.microsoft.com/office/drawing/2014/main" id="{1F9AF83E-7460-4626-9E10-A48E28CF1F3B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/>
      </p:sp>
      <p:sp>
        <p:nvSpPr>
          <p:cNvPr id="14" name="Picture Placeholder 13" hidden="1">
            <a:extLst>
              <a:ext uri="{FF2B5EF4-FFF2-40B4-BE49-F238E27FC236}">
                <a16:creationId xmlns:a16="http://schemas.microsoft.com/office/drawing/2014/main" id="{58E0EFF1-DB23-4FEF-8513-C43A8DECA295}"/>
              </a:ext>
            </a:extLst>
          </p:cNvPr>
          <p:cNvSpPr>
            <a:spLocks noGrp="1"/>
          </p:cNvSpPr>
          <p:nvPr>
            <p:ph type="pic" sz="quarter" idx="27"/>
          </p:nvPr>
        </p:nvSpPr>
        <p:spPr/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9AE62A70-EBCB-4815-B243-1209A0FAA1B4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/>
        <p:txBody>
          <a:bodyPr/>
          <a:lstStyle/>
          <a:p>
            <a:r>
              <a:rPr lang="en-US" dirty="0"/>
              <a:t>Customer Satisfaction</a:t>
            </a:r>
          </a:p>
          <a:p>
            <a:endParaRPr lang="pl-PL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EE672478-51E3-4496-BEF6-BBE5DBB94C29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/>
        <p:txBody>
          <a:bodyPr/>
          <a:lstStyle/>
          <a:p>
            <a:r>
              <a:rPr lang="en-US" dirty="0"/>
              <a:t>On Time Delivery</a:t>
            </a:r>
          </a:p>
          <a:p>
            <a:endParaRPr lang="pl-PL" dirty="0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5CA6D249-0C1B-4BE4-B33E-CB456DC7ECB1}"/>
              </a:ext>
            </a:extLst>
          </p:cNvPr>
          <p:cNvSpPr>
            <a:spLocks noGrp="1"/>
          </p:cNvSpPr>
          <p:nvPr>
            <p:ph type="body" sz="quarter" idx="28"/>
          </p:nvPr>
        </p:nvSpPr>
        <p:spPr/>
        <p:txBody>
          <a:bodyPr/>
          <a:lstStyle/>
          <a:p>
            <a:r>
              <a:rPr lang="en-US" dirty="0"/>
              <a:t>Quality</a:t>
            </a:r>
            <a:endParaRPr lang="pl-PL" dirty="0"/>
          </a:p>
        </p:txBody>
      </p:sp>
      <p:sp>
        <p:nvSpPr>
          <p:cNvPr id="16" name="Text Placeholder 15">
            <a:extLst>
              <a:ext uri="{FF2B5EF4-FFF2-40B4-BE49-F238E27FC236}">
                <a16:creationId xmlns:a16="http://schemas.microsoft.com/office/drawing/2014/main" id="{0AA66022-926A-43CA-B5C4-2166C344CD14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/>
        <p:txBody>
          <a:bodyPr/>
          <a:lstStyle/>
          <a:p>
            <a:r>
              <a:rPr lang="en-US" dirty="0"/>
              <a:t>Volumes</a:t>
            </a:r>
            <a:endParaRPr lang="pl-PL" dirty="0"/>
          </a:p>
        </p:txBody>
      </p:sp>
      <p:sp>
        <p:nvSpPr>
          <p:cNvPr id="17" name="Text Placeholder 16">
            <a:extLst>
              <a:ext uri="{FF2B5EF4-FFF2-40B4-BE49-F238E27FC236}">
                <a16:creationId xmlns:a16="http://schemas.microsoft.com/office/drawing/2014/main" id="{C885ACAC-8E17-4C0E-BF33-4E9D8075ADC5}"/>
              </a:ext>
            </a:extLst>
          </p:cNvPr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r>
              <a:rPr lang="en-US" dirty="0"/>
              <a:t>Case Ageing</a:t>
            </a:r>
          </a:p>
          <a:p>
            <a:endParaRPr lang="pl-PL" dirty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4D17BB11-3E54-449B-B1CD-D61822E75CEC}"/>
              </a:ext>
            </a:extLst>
          </p:cNvPr>
          <p:cNvSpPr>
            <a:spLocks noGrp="1"/>
          </p:cNvSpPr>
          <p:nvPr>
            <p:ph type="body" sz="quarter" idx="31"/>
          </p:nvPr>
        </p:nvSpPr>
        <p:spPr/>
        <p:txBody>
          <a:bodyPr/>
          <a:lstStyle/>
          <a:p>
            <a:r>
              <a:rPr lang="en-US" dirty="0"/>
              <a:t>Achievements &amp; Challenges</a:t>
            </a:r>
          </a:p>
          <a:p>
            <a:endParaRPr lang="pl-PL" dirty="0"/>
          </a:p>
        </p:txBody>
      </p:sp>
      <p:sp>
        <p:nvSpPr>
          <p:cNvPr id="19" name="Picture Placeholder 18">
            <a:extLst>
              <a:ext uri="{FF2B5EF4-FFF2-40B4-BE49-F238E27FC236}">
                <a16:creationId xmlns:a16="http://schemas.microsoft.com/office/drawing/2014/main" id="{AFA4E6EB-B6E4-4BB8-B4F6-9CAE7598E5D1}"/>
              </a:ext>
            </a:extLst>
          </p:cNvPr>
          <p:cNvSpPr>
            <a:spLocks noGrp="1"/>
          </p:cNvSpPr>
          <p:nvPr>
            <p:ph type="pic" sz="quarter" idx="38"/>
          </p:nvPr>
        </p:nvSpPr>
        <p:spPr/>
      </p:sp>
      <p:sp>
        <p:nvSpPr>
          <p:cNvPr id="20" name="Picture Placeholder 19">
            <a:extLst>
              <a:ext uri="{FF2B5EF4-FFF2-40B4-BE49-F238E27FC236}">
                <a16:creationId xmlns:a16="http://schemas.microsoft.com/office/drawing/2014/main" id="{24384FCF-3618-422E-8C27-ED44AB32278D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/>
      </p:sp>
      <p:sp>
        <p:nvSpPr>
          <p:cNvPr id="21" name="Picture Placeholder 20">
            <a:extLst>
              <a:ext uri="{FF2B5EF4-FFF2-40B4-BE49-F238E27FC236}">
                <a16:creationId xmlns:a16="http://schemas.microsoft.com/office/drawing/2014/main" id="{9D8CE06D-34B8-4F5E-8762-4E0D7E265E4B}"/>
              </a:ext>
            </a:extLst>
          </p:cNvPr>
          <p:cNvSpPr>
            <a:spLocks noGrp="1"/>
          </p:cNvSpPr>
          <p:nvPr>
            <p:ph type="pic" sz="quarter" idx="40"/>
          </p:nvPr>
        </p:nvSpPr>
        <p:spPr/>
      </p:sp>
      <p:sp>
        <p:nvSpPr>
          <p:cNvPr id="22" name="Picture Placeholder 21">
            <a:extLst>
              <a:ext uri="{FF2B5EF4-FFF2-40B4-BE49-F238E27FC236}">
                <a16:creationId xmlns:a16="http://schemas.microsoft.com/office/drawing/2014/main" id="{6273BBC5-E34F-4502-B173-AC05F085BA0F}"/>
              </a:ext>
            </a:extLst>
          </p:cNvPr>
          <p:cNvSpPr>
            <a:spLocks noGrp="1"/>
          </p:cNvSpPr>
          <p:nvPr>
            <p:ph type="pic" sz="quarter" idx="41"/>
          </p:nvPr>
        </p:nvSpPr>
        <p:spPr/>
      </p:sp>
      <p:sp>
        <p:nvSpPr>
          <p:cNvPr id="23" name="Picture Placeholder 22">
            <a:extLst>
              <a:ext uri="{FF2B5EF4-FFF2-40B4-BE49-F238E27FC236}">
                <a16:creationId xmlns:a16="http://schemas.microsoft.com/office/drawing/2014/main" id="{F0720E70-4706-463E-8CBF-099F4EC737E2}"/>
              </a:ext>
            </a:extLst>
          </p:cNvPr>
          <p:cNvSpPr>
            <a:spLocks noGrp="1"/>
          </p:cNvSpPr>
          <p:nvPr>
            <p:ph type="pic" sz="quarter" idx="42"/>
          </p:nvPr>
        </p:nvSpPr>
        <p:spPr/>
      </p:sp>
      <p:sp>
        <p:nvSpPr>
          <p:cNvPr id="24" name="Picture Placeholder 23">
            <a:extLst>
              <a:ext uri="{FF2B5EF4-FFF2-40B4-BE49-F238E27FC236}">
                <a16:creationId xmlns:a16="http://schemas.microsoft.com/office/drawing/2014/main" id="{3768FC63-4CDC-4F79-AA7B-5DB59CEAC1CC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/>
      </p:sp>
      <p:sp>
        <p:nvSpPr>
          <p:cNvPr id="25" name="ctry_range">
            <a:extLst>
              <a:ext uri="{FF2B5EF4-FFF2-40B4-BE49-F238E27FC236}">
                <a16:creationId xmlns:a16="http://schemas.microsoft.com/office/drawing/2014/main" id="{DA59042C-3234-45D2-A269-5EED2C5BD4E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5" y="187325"/>
            <a:ext cx="8856663" cy="434975"/>
          </a:xfrm>
        </p:spPr>
        <p:txBody>
          <a:bodyPr/>
          <a:lstStyle/>
          <a:p>
            <a:r>
              <a:rPr lang="pl-PL" dirty="0"/>
              <a:t>HR Operations</a:t>
            </a:r>
            <a:r>
              <a:rPr lang="en-US" dirty="0"/>
              <a:t> </a:t>
            </a:r>
            <a:r>
              <a:rPr lang="en-US" dirty="0">
                <a:solidFill>
                  <a:srgbClr val="D90000"/>
                </a:solidFill>
              </a:rPr>
              <a:t>Hub</a:t>
            </a:r>
            <a:r>
              <a:rPr lang="en-US" dirty="0"/>
              <a:t> | Talent </a:t>
            </a:r>
            <a:r>
              <a:rPr lang="en-US" dirty="0" err="1"/>
              <a:t>Acquisitio</a:t>
            </a:r>
            <a:r>
              <a:rPr lang="pl-PL" dirty="0"/>
              <a:t>n </a:t>
            </a:r>
            <a:endParaRPr lang="en-US" dirty="0"/>
          </a:p>
        </p:txBody>
      </p:sp>
      <p:sp>
        <p:nvSpPr>
          <p:cNvPr id="29" name="CSChart_Area">
            <a:extLst>
              <a:ext uri="{FF2B5EF4-FFF2-40B4-BE49-F238E27FC236}">
                <a16:creationId xmlns:a16="http://schemas.microsoft.com/office/drawing/2014/main" id="{0C6032D3-E8A5-4602-B8FA-E6AFEF3DCB04}"/>
              </a:ext>
            </a:extLst>
          </p:cNvPr>
          <p:cNvSpPr/>
          <p:nvPr/>
        </p:nvSpPr>
        <p:spPr bwMode="gray">
          <a:xfrm>
            <a:off x="263525" y="1125539"/>
            <a:ext cx="3679224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0" name="OTDChart_Area">
            <a:extLst>
              <a:ext uri="{FF2B5EF4-FFF2-40B4-BE49-F238E27FC236}">
                <a16:creationId xmlns:a16="http://schemas.microsoft.com/office/drawing/2014/main" id="{472EBBDD-D425-4F34-8418-815A26B24F98}"/>
              </a:ext>
            </a:extLst>
          </p:cNvPr>
          <p:cNvSpPr/>
          <p:nvPr/>
        </p:nvSpPr>
        <p:spPr bwMode="gray">
          <a:xfrm>
            <a:off x="4256388" y="1119402"/>
            <a:ext cx="3679224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1" name="QCChart_Area">
            <a:extLst>
              <a:ext uri="{FF2B5EF4-FFF2-40B4-BE49-F238E27FC236}">
                <a16:creationId xmlns:a16="http://schemas.microsoft.com/office/drawing/2014/main" id="{B05360B1-7BEE-4116-9A49-593DDEFF2B93}"/>
              </a:ext>
            </a:extLst>
          </p:cNvPr>
          <p:cNvSpPr/>
          <p:nvPr/>
        </p:nvSpPr>
        <p:spPr bwMode="gray">
          <a:xfrm>
            <a:off x="8256239" y="1119401"/>
            <a:ext cx="3672235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2" name="VLChart_Area">
            <a:extLst>
              <a:ext uri="{FF2B5EF4-FFF2-40B4-BE49-F238E27FC236}">
                <a16:creationId xmlns:a16="http://schemas.microsoft.com/office/drawing/2014/main" id="{DC6C337D-E42A-4D4F-A5E2-E061F446D4A7}"/>
              </a:ext>
            </a:extLst>
          </p:cNvPr>
          <p:cNvSpPr/>
          <p:nvPr/>
        </p:nvSpPr>
        <p:spPr bwMode="gray">
          <a:xfrm>
            <a:off x="270514" y="3861048"/>
            <a:ext cx="3666399" cy="1932336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3" name="CAChart_Area">
            <a:extLst>
              <a:ext uri="{FF2B5EF4-FFF2-40B4-BE49-F238E27FC236}">
                <a16:creationId xmlns:a16="http://schemas.microsoft.com/office/drawing/2014/main" id="{0CC4251D-54BD-40D3-9577-BE46B4FA0E13}"/>
              </a:ext>
            </a:extLst>
          </p:cNvPr>
          <p:cNvSpPr/>
          <p:nvPr/>
        </p:nvSpPr>
        <p:spPr bwMode="gray">
          <a:xfrm>
            <a:off x="4256152" y="3861047"/>
            <a:ext cx="3672236" cy="1932335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4" name="achievement_HUTA">
            <a:extLst>
              <a:ext uri="{FF2B5EF4-FFF2-40B4-BE49-F238E27FC236}">
                <a16:creationId xmlns:a16="http://schemas.microsoft.com/office/drawing/2014/main" id="{0422D2CB-1B14-4BB4-BC45-7008E739BA97}"/>
              </a:ext>
            </a:extLst>
          </p:cNvPr>
          <p:cNvSpPr txBox="1"/>
          <p:nvPr/>
        </p:nvSpPr>
        <p:spPr bwMode="gray">
          <a:xfrm>
            <a:off x="8247626" y="3861047"/>
            <a:ext cx="3673859" cy="1932334"/>
          </a:xfrm>
          <a:prstGeom prst="rect">
            <a:avLst/>
          </a:prstGeom>
          <a:noFill/>
          <a:ln>
            <a:solidFill>
              <a:schemeClr val="accent3"/>
            </a:solidFill>
          </a:ln>
        </p:spPr>
        <p:txBody>
          <a:bodyPr wrap="square" lIns="72000" tIns="72000" rIns="72000" bIns="72000" rtlCol="0">
            <a:noAutofit/>
          </a:bodyPr>
          <a:lstStyle/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</p:txBody>
      </p:sp>
      <p:sp>
        <p:nvSpPr>
          <p:cNvPr id="35" name="month_range">
            <a:extLst>
              <a:ext uri="{FF2B5EF4-FFF2-40B4-BE49-F238E27FC236}">
                <a16:creationId xmlns:a16="http://schemas.microsoft.com/office/drawing/2014/main" id="{1D7D9F96-7A50-4369-A5E6-3C00251C16E2}"/>
              </a:ext>
            </a:extLst>
          </p:cNvPr>
          <p:cNvSpPr txBox="1">
            <a:spLocks/>
          </p:cNvSpPr>
          <p:nvPr/>
        </p:nvSpPr>
        <p:spPr>
          <a:xfrm>
            <a:off x="333264" y="832727"/>
            <a:ext cx="11520000" cy="368987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0975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Performance Review for </a:t>
            </a:r>
            <a:r>
              <a:rPr lang="en-US" i="1" dirty="0"/>
              <a:t>Month, Year</a:t>
            </a:r>
          </a:p>
        </p:txBody>
      </p:sp>
    </p:spTree>
    <p:extLst>
      <p:ext uri="{BB962C8B-B14F-4D97-AF65-F5344CB8AC3E}">
        <p14:creationId xmlns:p14="http://schemas.microsoft.com/office/powerpoint/2010/main" val="114590914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30445664443071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LOLNOV\AppData\Local\Temp\Templafy\PowerPointVsto\Assets\makieta_thumb up.svg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LOLNOV\AppData\Local\Temp\Templafy\PowerPointVsto\Assets\chart_2.svg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LOLNOV\AppData\Local\Temp\Templafy\PowerPointVsto\Assets\around_world.svg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LOLNOV\AppData\Local\Temp\Templafy\PowerPointVsto\Assets\no_handshake.svg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LOLNOV\AppData\Local\Temp\Templafy\PowerPointVsto\Assets\star_badge.svg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LOLNOV\AppData\Local\Temp\Templafy\PowerPointVsto\Assets\clock.svg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Hitachi ABB PowerPoint Template">
  <a:themeElements>
    <a:clrScheme name="Hitachi Colors">
      <a:dk1>
        <a:sysClr val="windowText" lastClr="000000"/>
      </a:dk1>
      <a:lt1>
        <a:sysClr val="window" lastClr="FFFFFF"/>
      </a:lt1>
      <a:dk2>
        <a:srgbClr val="FF0026"/>
      </a:dk2>
      <a:lt2>
        <a:srgbClr val="B1000E"/>
      </a:lt2>
      <a:accent1>
        <a:srgbClr val="7E000A"/>
      </a:accent1>
      <a:accent2>
        <a:srgbClr val="2D2D2D"/>
      </a:accent2>
      <a:accent3>
        <a:srgbClr val="4D4D4D"/>
      </a:accent3>
      <a:accent4>
        <a:srgbClr val="737373"/>
      </a:accent4>
      <a:accent5>
        <a:srgbClr val="B3B3B3"/>
      </a:accent5>
      <a:accent6>
        <a:srgbClr val="D9D9D9"/>
      </a:accent6>
      <a:hlink>
        <a:srgbClr val="FF0026"/>
      </a:hlink>
      <a:folHlink>
        <a:srgbClr val="B1000E"/>
      </a:folHlink>
    </a:clrScheme>
    <a:fontScheme name="Hitachi Font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6"/>
        </a:solidFill>
        <a:ln>
          <a:noFill/>
        </a:ln>
      </a:spPr>
      <a:bodyPr rtlCol="0" anchor="t"/>
      <a:lstStyle>
        <a:defPPr algn="l">
          <a:defRPr sz="1400" dirty="0" err="1" smtClean="0">
            <a:solidFill>
              <a:schemeClr val="tx1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>
          <a:solidFill>
            <a:schemeClr val="tx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noAutofit/>
      </a:bodyPr>
      <a:lstStyle>
        <a:defPPr algn="l">
          <a:defRPr sz="1400" dirty="0" err="1" smtClean="0"/>
        </a:defPPr>
      </a:lstStyle>
    </a:txDef>
  </a:objectDefaults>
  <a:extraClrSchemeLst/>
  <a:custClrLst>
    <a:custClr name="Yellow Dark">
      <a:srgbClr val="E5B82E"/>
    </a:custClr>
    <a:custClr name="Brown Dark">
      <a:srgbClr val="6F5A2B"/>
    </a:custClr>
    <a:custClr name="Olive Dark">
      <a:srgbClr val="565F21"/>
    </a:custClr>
    <a:custClr name="Green Dark">
      <a:srgbClr val="265646"/>
    </a:custClr>
    <a:custClr name="Blue Dark">
      <a:srgbClr val="2E4173"/>
    </a:custClr>
    <a:custClr name="Purple Dark">
      <a:srgbClr val="504B69"/>
    </a:custClr>
    <a:custClr name="Opera Dark">
      <a:srgbClr val="803268"/>
    </a:custClr>
    <a:custClr name="Rose Dark">
      <a:srgbClr val="772335"/>
    </a:custClr>
    <a:custClr name="blank">
      <a:srgbClr val="FFFFFF"/>
    </a:custClr>
    <a:custClr name="blank">
      <a:srgbClr val="FFFFFF"/>
    </a:custClr>
    <a:custClr name="Yellow Medium">
      <a:srgbClr val="F2D43D"/>
    </a:custClr>
    <a:custClr name="Brown Medium">
      <a:srgbClr val="B49246"/>
    </a:custClr>
    <a:custClr name="Olive Medium">
      <a:srgbClr val="99AC3C"/>
    </a:custClr>
    <a:custClr name="Green Medium">
      <a:srgbClr val="5DAA87"/>
    </a:custClr>
    <a:custClr name="Blue Medium">
      <a:srgbClr val="5373C2"/>
    </a:custClr>
    <a:custClr name="Purple Medium">
      <a:srgbClr val="8682B4"/>
    </a:custClr>
    <a:custClr name="Opera Medium">
      <a:srgbClr val="B24691"/>
    </a:custClr>
    <a:custClr name="Rose Medium">
      <a:srgbClr val="BA4E56"/>
    </a:custClr>
    <a:custClr name="blank">
      <a:srgbClr val="FFFFFF"/>
    </a:custClr>
    <a:custClr name="blank">
      <a:srgbClr val="FFFFFF"/>
    </a:custClr>
    <a:custClr name="Yellow Light">
      <a:srgbClr val="FFEC8C"/>
    </a:custClr>
    <a:custClr name="Brown Light">
      <a:srgbClr val="D5C193"/>
    </a:custClr>
    <a:custClr name="Olive Light">
      <a:srgbClr val="D0DA96"/>
    </a:custClr>
    <a:custClr name="Green Light">
      <a:srgbClr val="A4CEBB"/>
    </a:custClr>
    <a:custClr name="Blue Light">
      <a:srgbClr val="96ACE3"/>
    </a:custClr>
    <a:custClr name="Purple Light">
      <a:srgbClr val="B8B4C8"/>
    </a:custClr>
    <a:custClr name="Opera Light">
      <a:srgbClr val="DCA0C8"/>
    </a:custClr>
    <a:custClr name="Rose Light">
      <a:srgbClr val="E4B4AC"/>
    </a:custClr>
    <a:custClr name="blank">
      <a:srgbClr val="FFFFFF"/>
    </a:custClr>
    <a:custClr name="blank">
      <a:srgbClr val="FFFFFF"/>
    </a:custClr>
  </a:custClrLst>
  <a:extLst>
    <a:ext uri="{05A4C25C-085E-4340-85A3-A5531E510DB2}">
      <thm15:themeFamily xmlns:thm15="http://schemas.microsoft.com/office/thememl/2012/main" name="Presentation1" id="{387C3827-3C38-46B7-B7EF-08EF35410397}" vid="{3B3D2B3F-8A4F-4ADB-94D9-D2E79CCA1AC3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TemplateConfiguration><![CDATA[{"slideVersion":0,"isValidatorEnabled":false,"isLocked":false,"elementsMetadata":[],"slideId":"637287745125731910","enableDocumentContentUpdater":true,"version":"1.11"}]]></TemplafySlideTemplateConfiguration>
</file>

<file path=customXml/item10.xml><?xml version="1.0" encoding="utf-8"?>
<TemplafySlideFormConfiguration><![CDATA[{"formFields":[],"formDataEntries":[]}]]></TemplafySlideFormConfiguration>
</file>

<file path=customXml/item2.xml><?xml version="1.0" encoding="utf-8"?>
<TemplafySlideTemplateConfiguration><![CDATA[{"slideVersion":0,"isValidatorEnabled":false,"isLocked":false,"elementsMetadata":[],"slideId":"637287745125731910","enableDocumentContentUpdater":true,"version":"1.11"}]]></TemplafySlideTemplateConfiguration>
</file>

<file path=customXml/item3.xml><?xml version="1.0" encoding="utf-8"?>
<TemplafySlideTemplateConfiguration><![CDATA[{"slideVersion":0,"isValidatorEnabled":false,"isLocked":false,"elementsMetadata":[],"slideId":"637287745125731910","enableDocumentContentUpdater":true,"version":"1.11"}]]></TemplafySlideTemplateConfiguration>
</file>

<file path=customXml/item4.xml><?xml version="1.0" encoding="utf-8"?>
<TemplafySlideTemplateConfiguration><![CDATA[{"slideVersion":0,"isValidatorEnabled":false,"isLocked":false,"elementsMetadata":[],"slideId":"637287745125731911","enableDocumentContentUpdater":true,"version":"1.11"}]]></TemplafySlideTemplateConfiguration>
</file>

<file path=customXml/item5.xml><?xml version="1.0" encoding="utf-8"?>
<TemplafySlideFormConfiguration><![CDATA[{"formFields":[],"formDataEntries":[]}]]></TemplafySlideFormConfiguration>
</file>

<file path=customXml/item6.xml><?xml version="1.0" encoding="utf-8"?>
<TemplafySlideFormConfiguration><![CDATA[{"formFields":[],"formDataEntries":[]}]]></TemplafySlideFormConfiguration>
</file>

<file path=customXml/item7.xml><?xml version="1.0" encoding="utf-8"?>
<TemplafySlideFormConfiguration><![CDATA[{"formFields":[],"formDataEntries":[]}]]></TemplafySlideFormConfiguration>
</file>

<file path=customXml/item8.xml><?xml version="1.0" encoding="utf-8"?>
<TemplafySlideFormConfiguration><![CDATA[{"formFields":[],"formDataEntries":[]}]]></TemplafySlideFormConfiguration>
</file>

<file path=customXml/item9.xml><?xml version="1.0" encoding="utf-8"?>
<TemplafySlideTemplateConfiguration><![CDATA[{"slideVersion":0,"isValidatorEnabled":false,"isLocked":false,"elementsMetadata":[],"slideId":"637287745125731910","enableDocumentContentUpdater":true,"version":"1.11"}]]></TemplafySlideTemplateConfiguration>
</file>

<file path=customXml/itemProps1.xml><?xml version="1.0" encoding="utf-8"?>
<ds:datastoreItem xmlns:ds="http://schemas.openxmlformats.org/officeDocument/2006/customXml" ds:itemID="{B9903D1C-5087-4EDD-8549-317083414091}">
  <ds:schemaRefs/>
</ds:datastoreItem>
</file>

<file path=customXml/itemProps10.xml><?xml version="1.0" encoding="utf-8"?>
<ds:datastoreItem xmlns:ds="http://schemas.openxmlformats.org/officeDocument/2006/customXml" ds:itemID="{9CE9BF76-90FA-47BE-A245-E39A2BF2D5CA}">
  <ds:schemaRefs/>
</ds:datastoreItem>
</file>

<file path=customXml/itemProps2.xml><?xml version="1.0" encoding="utf-8"?>
<ds:datastoreItem xmlns:ds="http://schemas.openxmlformats.org/officeDocument/2006/customXml" ds:itemID="{5B90F6CA-8FE9-477E-A3F5-23861044F17A}">
  <ds:schemaRefs/>
</ds:datastoreItem>
</file>

<file path=customXml/itemProps3.xml><?xml version="1.0" encoding="utf-8"?>
<ds:datastoreItem xmlns:ds="http://schemas.openxmlformats.org/officeDocument/2006/customXml" ds:itemID="{C24B6522-30A7-4B17-B719-0B9397AAFFC4}">
  <ds:schemaRefs/>
</ds:datastoreItem>
</file>

<file path=customXml/itemProps4.xml><?xml version="1.0" encoding="utf-8"?>
<ds:datastoreItem xmlns:ds="http://schemas.openxmlformats.org/officeDocument/2006/customXml" ds:itemID="{BEEA8988-60D3-49D4-9C64-449CFA6F41C4}">
  <ds:schemaRefs/>
</ds:datastoreItem>
</file>

<file path=customXml/itemProps5.xml><?xml version="1.0" encoding="utf-8"?>
<ds:datastoreItem xmlns:ds="http://schemas.openxmlformats.org/officeDocument/2006/customXml" ds:itemID="{94DDD5AB-BC10-4F49-92E7-2424A114AA0B}">
  <ds:schemaRefs/>
</ds:datastoreItem>
</file>

<file path=customXml/itemProps6.xml><?xml version="1.0" encoding="utf-8"?>
<ds:datastoreItem xmlns:ds="http://schemas.openxmlformats.org/officeDocument/2006/customXml" ds:itemID="{7ECE190B-8BC1-4A4E-BD00-503F92C55951}">
  <ds:schemaRefs/>
</ds:datastoreItem>
</file>

<file path=customXml/itemProps7.xml><?xml version="1.0" encoding="utf-8"?>
<ds:datastoreItem xmlns:ds="http://schemas.openxmlformats.org/officeDocument/2006/customXml" ds:itemID="{B1AF7ABE-A022-43AF-B06E-44A4E0D7B2E0}">
  <ds:schemaRefs/>
</ds:datastoreItem>
</file>

<file path=customXml/itemProps8.xml><?xml version="1.0" encoding="utf-8"?>
<ds:datastoreItem xmlns:ds="http://schemas.openxmlformats.org/officeDocument/2006/customXml" ds:itemID="{8ED90AE2-8486-4A1D-B727-457E6A471FEA}">
  <ds:schemaRefs/>
</ds:datastoreItem>
</file>

<file path=customXml/itemProps9.xml><?xml version="1.0" encoding="utf-8"?>
<ds:datastoreItem xmlns:ds="http://schemas.openxmlformats.org/officeDocument/2006/customXml" ds:itemID="{9DD7B876-B6A1-4F4D-8E8F-AD7E79C96D2A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210</TotalTime>
  <Words>682</Words>
  <Application>Microsoft Office PowerPoint</Application>
  <PresentationFormat>Widescreen</PresentationFormat>
  <Paragraphs>192</Paragraphs>
  <Slides>18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18</vt:i4>
      </vt:variant>
    </vt:vector>
  </HeadingPairs>
  <TitlesOfParts>
    <vt:vector size="24" baseType="lpstr">
      <vt:lpstr>Arial</vt:lpstr>
      <vt:lpstr>Calibri</vt:lpstr>
      <vt:lpstr>Calibri Light</vt:lpstr>
      <vt:lpstr>Wingdings 3</vt:lpstr>
      <vt:lpstr>Office Theme</vt:lpstr>
      <vt:lpstr>Hitachi ABB PowerPoint Template</vt:lpstr>
      <vt:lpstr>PowerPoint Presentation</vt:lpstr>
      <vt:lpstr>Executive Summary</vt:lpstr>
      <vt:lpstr>Executive Summary– Performance at a glance</vt:lpstr>
      <vt:lpstr>HR Operations Hub Monthly Review | Service Line View</vt:lpstr>
      <vt:lpstr>HR Operations Hub | Talent Acquisition </vt:lpstr>
      <vt:lpstr>HR Operations Hub | Talent Acquisition </vt:lpstr>
      <vt:lpstr>HR Operations Hub | Talent Acquisition </vt:lpstr>
      <vt:lpstr>HR Operations Hub | Talent Acquisition </vt:lpstr>
      <vt:lpstr>HR Operations Hub | Talent Acquisition </vt:lpstr>
      <vt:lpstr>HR Operations Hub | Talent Acquisition </vt:lpstr>
      <vt:lpstr>HR Operations Hub | Talent Acquisition </vt:lpstr>
      <vt:lpstr>HR Operations Hub | Talent Acquisition </vt:lpstr>
      <vt:lpstr>HR Operations Hub | Talent Acquisition </vt:lpstr>
      <vt:lpstr>HR Operations Hub | Talent Acquisition </vt:lpstr>
      <vt:lpstr>HR Operations Hub Monthly Review | Country View</vt:lpstr>
      <vt:lpstr>HR Operations Hub | Country</vt:lpstr>
      <vt:lpstr>HR Operations KPIs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Oleksandr Novosad</dc:creator>
  <cp:lastModifiedBy>Oleksandr Novosad</cp:lastModifiedBy>
  <cp:revision>9</cp:revision>
  <dcterms:created xsi:type="dcterms:W3CDTF">2020-07-29T10:21:17Z</dcterms:created>
  <dcterms:modified xsi:type="dcterms:W3CDTF">2021-07-21T11:08:37Z</dcterms:modified>
</cp:coreProperties>
</file>